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Default Extension="xlsx" ContentType="application/vnd.openxmlformats-officedocument.spreadsheetml.sheet"/>
  <Default Extension="jpg" ContentType="image/jp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theme/theme4.xml" ContentType="application/vnd.openxmlformats-officedocument.theme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theme/theme5.xml" ContentType="application/vnd.openxmlformats-officedocument.theme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theme/theme6.xml" ContentType="application/vnd.openxmlformats-officedocument.theme+xml"/>
  <Override PartName="/ppt/theme/theme7.xml" ContentType="application/vnd.openxmlformats-officedocument.theme+xml"/>
  <Override PartName="/ppt/charts/chart1.xml" ContentType="application/vnd.openxmlformats-officedocument.drawingml.chart+xml"/>
  <Override PartName="/ppt/charts/chart2.xml" ContentType="application/vnd.openxmlformats-officedocument.drawingml.chart+xml"/>
  <Override PartName="/ppt/charts/chart3.xml" ContentType="application/vnd.openxmlformats-officedocument.drawingml.chart+xml"/>
  <Override PartName="/ppt/notesSlides/notesSlide1.xml" ContentType="application/vnd.openxmlformats-officedocument.presentationml.notesSlide+xml"/>
  <Override PartName="/ppt/charts/chart4.xml" ContentType="application/vnd.openxmlformats-officedocument.drawingml.chart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harts/chart5.xml" ContentType="application/vnd.openxmlformats-officedocument.drawingml.chart+xml"/>
  <Override PartName="/ppt/charts/chart6.xml" ContentType="application/vnd.openxmlformats-officedocument.drawingml.chart+xml"/>
  <Override PartName="/ppt/theme/themeOverride1.xml" ContentType="application/vnd.openxmlformats-officedocument.themeOverride+xml"/>
  <Override PartName="/ppt/drawings/drawing1.xml" ContentType="application/vnd.openxmlformats-officedocument.drawingml.chartshapes+xml"/>
  <Override PartName="/ppt/notesSlides/notesSlide6.xml" ContentType="application/vnd.openxmlformats-officedocument.presentationml.notesSlide+xml"/>
  <Override PartName="/ppt/charts/chart7.xml" ContentType="application/vnd.openxmlformats-officedocument.drawingml.chart+xml"/>
  <Override PartName="/ppt/charts/chart8.xml" ContentType="application/vnd.openxmlformats-officedocument.drawingml.chart+xml"/>
  <Override PartName="/ppt/notesSlides/notesSlide7.xml" ContentType="application/vnd.openxmlformats-officedocument.presentationml.notesSlide+xml"/>
  <Override PartName="/ppt/charts/chart9.xml" ContentType="application/vnd.openxmlformats-officedocument.drawingml.chart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4" r:id="rId4"/>
    <p:sldMasterId id="2147483700" r:id="rId5"/>
    <p:sldMasterId id="2147483745" r:id="rId6"/>
    <p:sldMasterId id="2147483791" r:id="rId7"/>
    <p:sldMasterId id="2147483798" r:id="rId8"/>
    <p:sldMasterId id="2147483822" r:id="rId9"/>
  </p:sldMasterIdLst>
  <p:notesMasterIdLst>
    <p:notesMasterId r:id="rId39"/>
  </p:notesMasterIdLst>
  <p:sldIdLst>
    <p:sldId id="256" r:id="rId10"/>
    <p:sldId id="2096975499" r:id="rId11"/>
    <p:sldId id="2096975522" r:id="rId12"/>
    <p:sldId id="2096975500" r:id="rId13"/>
    <p:sldId id="2096975501" r:id="rId14"/>
    <p:sldId id="2096975520" r:id="rId15"/>
    <p:sldId id="2096975521" r:id="rId16"/>
    <p:sldId id="2096975505" r:id="rId17"/>
    <p:sldId id="2096975504" r:id="rId18"/>
    <p:sldId id="2096975502" r:id="rId19"/>
    <p:sldId id="2096975524" r:id="rId20"/>
    <p:sldId id="2096975509" r:id="rId21"/>
    <p:sldId id="2096975516" r:id="rId22"/>
    <p:sldId id="2096975510" r:id="rId23"/>
    <p:sldId id="2096975517" r:id="rId24"/>
    <p:sldId id="2096975513" r:id="rId25"/>
    <p:sldId id="2096975503" r:id="rId26"/>
    <p:sldId id="2096975511" r:id="rId27"/>
    <p:sldId id="2096975515" r:id="rId28"/>
    <p:sldId id="2096975519" r:id="rId29"/>
    <p:sldId id="2096975512" r:id="rId30"/>
    <p:sldId id="2096975518" r:id="rId31"/>
    <p:sldId id="6097" r:id="rId32"/>
    <p:sldId id="2096975506" r:id="rId33"/>
    <p:sldId id="2096975507" r:id="rId34"/>
    <p:sldId id="2096975508" r:id="rId35"/>
    <p:sldId id="2096975525" r:id="rId36"/>
    <p:sldId id="2096975526" r:id="rId37"/>
    <p:sldId id="2096975498" r:id="rId38"/>
  </p:sldIdLst>
  <p:sldSz cx="12192000" cy="6858000"/>
  <p:notesSz cx="6858000" cy="9144000"/>
  <p:custDataLst>
    <p:tags r:id="rId40"/>
  </p:custDataLst>
  <p:defaultTextStyle>
    <a:defPPr>
      <a:defRPr lang="en-US"/>
    </a:defPPr>
    <a:lvl1pPr marL="0" algn="l" defTabSz="914377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1pPr>
    <a:lvl2pPr marL="457189" algn="l" defTabSz="914377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2pPr>
    <a:lvl3pPr marL="914377" algn="l" defTabSz="914377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3pPr>
    <a:lvl4pPr marL="1371566" algn="l" defTabSz="914377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4pPr>
    <a:lvl5pPr marL="1828754" algn="l" defTabSz="914377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5pPr>
    <a:lvl6pPr marL="2285943" algn="l" defTabSz="914377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914377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914377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914377" rtl="0" eaLnBrk="1" latinLnBrk="0" hangingPunct="1">
      <a:defRPr sz="19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1434" userDrawn="1">
          <p15:clr>
            <a:srgbClr val="A4A3A4"/>
          </p15:clr>
        </p15:guide>
        <p15:guide id="2" pos="4067" userDrawn="1">
          <p15:clr>
            <a:srgbClr val="A4A3A4"/>
          </p15:clr>
        </p15:guide>
        <p15:guide id="3" pos="3840" userDrawn="1">
          <p15:clr>
            <a:srgbClr val="A4A3A4"/>
          </p15:clr>
        </p15:guide>
        <p15:guide id="4" orient="horz" pos="1435">
          <p15:clr>
            <a:srgbClr val="A4A3A4"/>
          </p15:clr>
        </p15:guide>
      </p15:sldGuideLst>
    </p:ext>
    <p:ext uri="{2D200454-40CA-4A62-9FC3-DE9A4176ACB9}">
      <p15:notesGuideLst xmlns=""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Julia Coleman" initials="JC" lastIdx="0" clrIdx="0"/>
  <p:cmAuthor id="2" name="Aislinn O'Brien" initials="AO" lastIdx="0" clrIdx="1"/>
  <p:cmAuthor id="3" name="Microsoft Office User" initials="Office" lastIdx="0" clrIdx="2"/>
  <p:cmAuthor id="4" name="Microsoft Office User" initials="Office [2]" lastIdx="0" clrIdx="3"/>
  <p:cmAuthor id="5" name="Microsoft Office User" initials="Office [3]" lastIdx="0" clrIdx="4"/>
  <p:cmAuthor id="6" name="Microsoft Office User" initials="Office [4]" lastIdx="0" clrIdx="5"/>
  <p:cmAuthor id="7" name="Microsoft Office User" initials="Office [5]" lastIdx="0" clrIdx="6"/>
  <p:cmAuthor id="8" name="Microsoft Office User" initials="Office [6]" lastIdx="0" clrIdx="7"/>
  <p:cmAuthor id="9" name="Microsoft Office User" initials="Office [7]" lastIdx="0" clrIdx="8"/>
  <p:cmAuthor id="10" name="Microsoft Office User" initials="Office [8]" lastIdx="0" clrIdx="9"/>
  <p:cmAuthor id="11" name="Microsoft Office User" initials="Office [9]" lastIdx="0" clrIdx="10"/>
  <p:cmAuthor id="12" name="Microsoft Office User" initials="Office [10]" lastIdx="0" clrIdx="11"/>
  <p:cmAuthor id="13" name="Microsoft Office User" initials="Office [11]" lastIdx="0" clrIdx="12"/>
  <p:cmAuthor id="14" name="Silva Zakian" initials="MOU" lastIdx="0" clrIdx="13"/>
  <p:cmAuthor id="15" name="Naomi Attar" initials="NA" lastIdx="0" clrIdx="14"/>
  <p:cmAuthor id="16" name="Sambevski,Steven (MED TA Meta) BIP-DE-I" initials="SS" lastIdx="0" clrIdx="15"/>
  <p:cmAuthor id="17" name="Madeline Thompson" initials="MT" lastIdx="0" clrIdx="16"/>
  <p:cmAuthor id="18" name="Chelsea Mccloskey-lambert" initials="CM" lastIdx="0" clrIdx="17">
    <p:extLst>
      <p:ext uri="{19B8F6BF-5375-455C-9EA6-DF929625EA0E}">
        <p15:presenceInfo xmlns="" xmlns:p15="http://schemas.microsoft.com/office/powerpoint/2012/main" userId="Chelsea Mccloskey-lambert" providerId="None"/>
      </p:ext>
    </p:extLst>
  </p:cmAuthor>
  <p:cmAuthor id="19" name="Sophie Boyd" initials="SB" lastIdx="0" clrIdx="18">
    <p:extLst>
      <p:ext uri="{19B8F6BF-5375-455C-9EA6-DF929625EA0E}">
        <p15:presenceInfo xmlns="" xmlns:p15="http://schemas.microsoft.com/office/powerpoint/2012/main" userId="S::Sophie@pulsarhealthcare.com::6bfdb4d9-227f-4a76-bde4-449d37e3324d" providerId="AD"/>
      </p:ext>
    </p:extLst>
  </p:cmAuthor>
  <p:cmAuthor id="20" name="Georgina Bennet" initials="GB" lastIdx="0" clrIdx="19">
    <p:extLst>
      <p:ext uri="{19B8F6BF-5375-455C-9EA6-DF929625EA0E}">
        <p15:presenceInfo xmlns="" xmlns:p15="http://schemas.microsoft.com/office/powerpoint/2012/main" userId="S-1-5-21-2213761819-1629852989-751377243-1242" providerId="AD"/>
      </p:ext>
    </p:extLst>
  </p:cmAuthor>
  <p:cmAuthor id="21" name="Rosenzweig,Dr.,Doron (HP Med Affairs) BIG-AT-V" initials="R(MAB" lastIdx="0" clrIdx="20">
    <p:extLst>
      <p:ext uri="{19B8F6BF-5375-455C-9EA6-DF929625EA0E}">
        <p15:presenceInfo xmlns="" xmlns:p15="http://schemas.microsoft.com/office/powerpoint/2012/main" userId="S-1-5-21-343818398-790525478-682003330-1367522" providerId="AD"/>
      </p:ext>
    </p:extLst>
  </p:cmAuthor>
  <p:cmAuthor id="22" name="Kinnaree Surati" initials="KS" lastIdx="0" clrIdx="21">
    <p:extLst>
      <p:ext uri="{19B8F6BF-5375-455C-9EA6-DF929625EA0E}">
        <p15:presenceInfo xmlns="" xmlns:p15="http://schemas.microsoft.com/office/powerpoint/2012/main" userId="S::Kinnaree@pulsarhealthcare.com::78697e00-d7ac-42a3-9c37-937ae321e432" providerId="AD"/>
      </p:ext>
    </p:extLst>
  </p:cmAuthor>
  <p:cmAuthor id="23" name="Rosenzweig,Dr.,Doron (HP Med Affairs) BIG-AT-V" initials="R(MAB [2]" lastIdx="0" clrIdx="22">
    <p:extLst>
      <p:ext uri="{19B8F6BF-5375-455C-9EA6-DF929625EA0E}">
        <p15:presenceInfo xmlns="" xmlns:p15="http://schemas.microsoft.com/office/powerpoint/2012/main" userId="S::doron.rosenzweig@boehringer-ingelheim.com::f9ca2a56-66b9-48e6-8223-35d3547d2b30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FC662"/>
    <a:srgbClr val="44546A"/>
    <a:srgbClr val="1A6FC7"/>
    <a:srgbClr val="BCBBBE"/>
    <a:srgbClr val="E6E5E5"/>
    <a:srgbClr val="BAC3CB"/>
    <a:srgbClr val="F4F4F4"/>
    <a:srgbClr val="7D92A3"/>
    <a:srgbClr val="8F9FAE"/>
    <a:srgbClr val="758C9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926" autoAdjust="0"/>
    <p:restoredTop sz="95204" autoAdjust="0"/>
  </p:normalViewPr>
  <p:slideViewPr>
    <p:cSldViewPr snapToGrid="0" snapToObjects="1">
      <p:cViewPr varScale="1">
        <p:scale>
          <a:sx n="69" d="100"/>
          <a:sy n="69" d="100"/>
        </p:scale>
        <p:origin x="-96" y="-126"/>
      </p:cViewPr>
      <p:guideLst>
        <p:guide orient="horz" pos="1434"/>
        <p:guide orient="horz" pos="1435"/>
        <p:guide pos="4067"/>
        <p:guide pos="384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>
      <p:cViewPr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5.xml"/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42" Type="http://schemas.openxmlformats.org/officeDocument/2006/relationships/presProps" Target="presProps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slide" Target="slides/slide29.xml"/><Relationship Id="rId2" Type="http://schemas.openxmlformats.org/officeDocument/2006/relationships/customXml" Target="../customXml/item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commentAuthors" Target="commentAuthor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slide" Target="slides/slide28.xml"/><Relationship Id="rId40" Type="http://schemas.openxmlformats.org/officeDocument/2006/relationships/tags" Target="tags/tag1.xml"/><Relationship Id="rId45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slide" Target="slides/slide27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4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slide" Target="slides/slide26.xml"/><Relationship Id="rId43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.xlsx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3.xlsx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4.xlsx"/></Relationships>
</file>

<file path=ppt/charts/_rels/chart5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5.xlsx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chartUserShapes" Target="../drawings/drawing1.xml"/><Relationship Id="rId2" Type="http://schemas.openxmlformats.org/officeDocument/2006/relationships/package" Target="../embeddings/Microsoft_Excel_Worksheet6.xlsx"/><Relationship Id="rId1" Type="http://schemas.openxmlformats.org/officeDocument/2006/relationships/themeOverride" Target="../theme/themeOverride1.xml"/></Relationships>
</file>

<file path=ppt/charts/_rels/chart7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7.xlsx"/></Relationships>
</file>

<file path=ppt/charts/_rels/chart8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8.xlsx"/></Relationships>
</file>

<file path=ppt/charts/_rels/chart9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9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6"/>
    </mc:Choice>
    <mc:Fallback>
      <c:style val="6"/>
    </mc:Fallback>
  </mc:AlternateContent>
  <c:chart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Лист1!$B$1</c:f>
              <c:strCache>
                <c:ptCount val="1"/>
                <c:pt idx="0">
                  <c:v>СД1</c:v>
                </c:pt>
              </c:strCache>
            </c:strRef>
          </c:tx>
          <c:invertIfNegative val="0"/>
          <c:cat>
            <c:strRef>
              <c:f>Лист1!$A$2:$A$7</c:f>
              <c:strCache>
                <c:ptCount val="6"/>
                <c:pt idx="0">
                  <c:v>2003 г</c:v>
                </c:pt>
                <c:pt idx="1">
                  <c:v>2008 г</c:v>
                </c:pt>
                <c:pt idx="2">
                  <c:v>2013 г</c:v>
                </c:pt>
                <c:pt idx="3">
                  <c:v>2018 г</c:v>
                </c:pt>
                <c:pt idx="4">
                  <c:v>2019 г</c:v>
                </c:pt>
                <c:pt idx="5">
                  <c:v>2020 г</c:v>
                </c:pt>
              </c:strCache>
            </c:strRef>
          </c:cat>
          <c:val>
            <c:numRef>
              <c:f>Лист1!$B$2:$B$7</c:f>
              <c:numCache>
                <c:formatCode>General</c:formatCode>
                <c:ptCount val="6"/>
                <c:pt idx="0">
                  <c:v>2322</c:v>
                </c:pt>
                <c:pt idx="1">
                  <c:v>2751</c:v>
                </c:pt>
                <c:pt idx="2">
                  <c:v>3661</c:v>
                </c:pt>
                <c:pt idx="3">
                  <c:v>4333</c:v>
                </c:pt>
                <c:pt idx="4">
                  <c:v>4570</c:v>
                </c:pt>
                <c:pt idx="5">
                  <c:v>4667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FC54-4105-93E4-3F6D6C284715}"/>
            </c:ext>
          </c:extLst>
        </c:ser>
        <c:ser>
          <c:idx val="1"/>
          <c:order val="1"/>
          <c:tx>
            <c:strRef>
              <c:f>Лист1!$C$1</c:f>
              <c:strCache>
                <c:ptCount val="1"/>
                <c:pt idx="0">
                  <c:v>СД2</c:v>
                </c:pt>
              </c:strCache>
            </c:strRef>
          </c:tx>
          <c:invertIfNegative val="0"/>
          <c:dLbls>
            <c:dLbl>
              <c:idx val="0"/>
              <c:layout>
                <c:manualLayout>
                  <c:x val="-1.4681208538590885E-3"/>
                  <c:y val="-0.15602412845577057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FC54-4105-93E4-3F6D6C284715}"/>
                </c:ext>
              </c:extLst>
            </c:dLbl>
            <c:dLbl>
              <c:idx val="1"/>
              <c:layout>
                <c:manualLayout>
                  <c:x val="1.4681208538590885E-3"/>
                  <c:y val="-0.2210341819790084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FC54-4105-93E4-3F6D6C284715}"/>
                </c:ext>
              </c:extLst>
            </c:dLbl>
            <c:dLbl>
              <c:idx val="2"/>
              <c:layout>
                <c:manualLayout>
                  <c:x val="0"/>
                  <c:y val="-0.3293842711844046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FC54-4105-93E4-3F6D6C284715}"/>
                </c:ext>
              </c:extLst>
            </c:dLbl>
            <c:dLbl>
              <c:idx val="3"/>
              <c:layout>
                <c:manualLayout>
                  <c:x val="-1.6494905526137839E-3"/>
                  <c:y val="-0.41173033898050587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4-FC54-4105-93E4-3F6D6C284715}"/>
                </c:ext>
              </c:extLst>
            </c:dLbl>
            <c:dLbl>
              <c:idx val="4"/>
              <c:layout>
                <c:manualLayout>
                  <c:x val="0"/>
                  <c:y val="-0.41606434254872171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FC54-4105-93E4-3F6D6C284715}"/>
                </c:ext>
              </c:extLst>
            </c:dLbl>
            <c:dLbl>
              <c:idx val="5"/>
              <c:layout>
                <c:manualLayout>
                  <c:x val="0"/>
                  <c:y val="-0.41173033898050587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FC54-4105-93E4-3F6D6C284715}"/>
                </c:ext>
              </c:extLst>
            </c:dLbl>
            <c:spPr>
              <a:noFill/>
            </c:spPr>
            <c:txPr>
              <a:bodyPr/>
              <a:lstStyle/>
              <a:p>
                <a:pPr>
                  <a:defRPr sz="1600" b="1">
                    <a:solidFill>
                      <a:schemeClr val="accent1">
                        <a:lumMod val="50000"/>
                      </a:schemeClr>
                    </a:solidFill>
                    <a:latin typeface="Verdana" pitchFamily="34" charset="0"/>
                    <a:ea typeface="Verdana" pitchFamily="34" charset="0"/>
                    <a:cs typeface="Verdana" pitchFamily="34" charset="0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Лист1!$A$2:$A$7</c:f>
              <c:strCache>
                <c:ptCount val="6"/>
                <c:pt idx="0">
                  <c:v>2003 г</c:v>
                </c:pt>
                <c:pt idx="1">
                  <c:v>2008 г</c:v>
                </c:pt>
                <c:pt idx="2">
                  <c:v>2013 г</c:v>
                </c:pt>
                <c:pt idx="3">
                  <c:v>2018 г</c:v>
                </c:pt>
                <c:pt idx="4">
                  <c:v>2019 г</c:v>
                </c:pt>
                <c:pt idx="5">
                  <c:v>2020 г</c:v>
                </c:pt>
              </c:strCache>
            </c:strRef>
          </c:cat>
          <c:val>
            <c:numRef>
              <c:f>Лист1!$C$2:$C$7</c:f>
              <c:numCache>
                <c:formatCode>General</c:formatCode>
                <c:ptCount val="6"/>
                <c:pt idx="0">
                  <c:v>28936</c:v>
                </c:pt>
                <c:pt idx="1">
                  <c:v>48138</c:v>
                </c:pt>
                <c:pt idx="2">
                  <c:v>73904</c:v>
                </c:pt>
                <c:pt idx="3">
                  <c:v>84755</c:v>
                </c:pt>
                <c:pt idx="4">
                  <c:v>89068</c:v>
                </c:pt>
                <c:pt idx="5">
                  <c:v>89203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7-FC54-4105-93E4-3F6D6C28471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200311936"/>
        <c:axId val="200313472"/>
      </c:barChart>
      <c:catAx>
        <c:axId val="200311936"/>
        <c:scaling>
          <c:orientation val="minMax"/>
        </c:scaling>
        <c:delete val="0"/>
        <c:axPos val="b"/>
        <c:numFmt formatCode="General" sourceLinked="0"/>
        <c:majorTickMark val="out"/>
        <c:minorTickMark val="none"/>
        <c:tickLblPos val="nextTo"/>
        <c:txPr>
          <a:bodyPr/>
          <a:lstStyle/>
          <a:p>
            <a:pPr>
              <a:defRPr sz="1200" b="1">
                <a:solidFill>
                  <a:schemeClr val="accent1">
                    <a:lumMod val="50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pPr>
            <a:endParaRPr lang="ru-RU"/>
          </a:p>
        </c:txPr>
        <c:crossAx val="200313472"/>
        <c:crosses val="autoZero"/>
        <c:auto val="1"/>
        <c:lblAlgn val="ctr"/>
        <c:lblOffset val="100"/>
        <c:noMultiLvlLbl val="0"/>
      </c:catAx>
      <c:valAx>
        <c:axId val="200313472"/>
        <c:scaling>
          <c:orientation val="minMax"/>
        </c:scaling>
        <c:delete val="1"/>
        <c:axPos val="l"/>
        <c:majorGridlines/>
        <c:numFmt formatCode="General" sourceLinked="1"/>
        <c:majorTickMark val="out"/>
        <c:minorTickMark val="none"/>
        <c:tickLblPos val="nextTo"/>
        <c:crossAx val="200311936"/>
        <c:crosses val="autoZero"/>
        <c:crossBetween val="between"/>
      </c:valAx>
    </c:plotArea>
    <c:legend>
      <c:legendPos val="r"/>
      <c:layout/>
      <c:overlay val="0"/>
      <c:txPr>
        <a:bodyPr/>
        <a:lstStyle/>
        <a:p>
          <a:pPr>
            <a:defRPr b="1">
              <a:solidFill>
                <a:schemeClr val="accent1">
                  <a:lumMod val="50000"/>
                </a:schemeClr>
              </a:solidFill>
            </a:defRPr>
          </a:pPr>
          <a:endParaRPr lang="ru-RU"/>
        </a:p>
      </c:txPr>
    </c:legend>
    <c:plotVisOnly val="1"/>
    <c:dispBlanksAs val="gap"/>
    <c:showDLblsOverMax val="0"/>
  </c:chart>
  <c:txPr>
    <a:bodyPr/>
    <a:lstStyle/>
    <a:p>
      <a:pPr>
        <a:defRPr sz="1800"/>
      </a:pPr>
      <a:endParaRPr lang="ru-RU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0"/>
          <c:y val="2.4347562023017841E-2"/>
          <c:w val="0.82348758267084354"/>
          <c:h val="0.75213376665603293"/>
        </c:manualLayout>
      </c:layout>
      <c:lineChart>
        <c:grouping val="standard"/>
        <c:varyColors val="0"/>
        <c:ser>
          <c:idx val="0"/>
          <c:order val="0"/>
          <c:tx>
            <c:strRef>
              <c:f>Лист1!$B$1</c:f>
              <c:strCache>
                <c:ptCount val="1"/>
                <c:pt idx="0">
                  <c:v>СД 1 тип</c:v>
                </c:pt>
              </c:strCache>
            </c:strRef>
          </c:tx>
          <c:dLbls>
            <c:dLbl>
              <c:idx val="0"/>
              <c:layout>
                <c:manualLayout>
                  <c:x val="-6.5082350005347414E-2"/>
                  <c:y val="-8.7651223282864246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64F4-4B3F-8403-1BD7A39388C7}"/>
                </c:ext>
              </c:extLst>
            </c:dLbl>
            <c:dLbl>
              <c:idx val="1"/>
              <c:layout>
                <c:manualLayout>
                  <c:x val="-6.7912017396884308E-2"/>
                  <c:y val="-7.7912198473657088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64F4-4B3F-8403-1BD7A39388C7}"/>
                </c:ext>
              </c:extLst>
            </c:dLbl>
            <c:dLbl>
              <c:idx val="2"/>
              <c:layout>
                <c:manualLayout>
                  <c:x val="-7.0741684788421091E-2"/>
                  <c:y val="-7.7912198473657088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64F4-4B3F-8403-1BD7A39388C7}"/>
                </c:ext>
              </c:extLst>
            </c:dLbl>
            <c:dLbl>
              <c:idx val="3"/>
              <c:layout>
                <c:manualLayout>
                  <c:x val="-5.6593347830736919E-2"/>
                  <c:y val="-9.2520735687467798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64F4-4B3F-8403-1BD7A39388C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200" b="1">
                    <a:solidFill>
                      <a:schemeClr val="accent1">
                        <a:lumMod val="50000"/>
                      </a:schemeClr>
                    </a:solidFill>
                    <a:latin typeface="Verdana" pitchFamily="34" charset="0"/>
                    <a:ea typeface="Verdana" pitchFamily="34" charset="0"/>
                    <a:cs typeface="Verdana" pitchFamily="34" charset="0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numRef>
              <c:f>Лист1!$A$2:$A$6</c:f>
              <c:numCache>
                <c:formatCode>General</c:formatCode>
                <c:ptCount val="5"/>
                <c:pt idx="0">
                  <c:v>2006</c:v>
                </c:pt>
                <c:pt idx="1">
                  <c:v>2008</c:v>
                </c:pt>
                <c:pt idx="2">
                  <c:v>2015</c:v>
                </c:pt>
                <c:pt idx="3">
                  <c:v>2016</c:v>
                </c:pt>
                <c:pt idx="4">
                  <c:v>2019</c:v>
                </c:pt>
              </c:numCache>
            </c:numRef>
          </c:cat>
          <c:val>
            <c:numRef>
              <c:f>Лист1!$B$2:$B$6</c:f>
              <c:numCache>
                <c:formatCode>General</c:formatCode>
                <c:ptCount val="5"/>
                <c:pt idx="0">
                  <c:v>14.2</c:v>
                </c:pt>
                <c:pt idx="1">
                  <c:v>16.600000000000001</c:v>
                </c:pt>
                <c:pt idx="2">
                  <c:v>18.100000000000001</c:v>
                </c:pt>
                <c:pt idx="3">
                  <c:v>18.399999999999999</c:v>
                </c:pt>
                <c:pt idx="4">
                  <c:v>21.1</c:v>
                </c:pt>
              </c:numCache>
            </c:numRef>
          </c:val>
          <c:smooth val="0"/>
          <c:extLst xmlns:c16r2="http://schemas.microsoft.com/office/drawing/2015/06/chart">
            <c:ext xmlns:c16="http://schemas.microsoft.com/office/drawing/2014/chart" uri="{C3380CC4-5D6E-409C-BE32-E72D297353CC}">
              <c16:uniqueId val="{00000004-64F4-4B3F-8403-1BD7A39388C7}"/>
            </c:ext>
          </c:extLst>
        </c:ser>
        <c:ser>
          <c:idx val="1"/>
          <c:order val="1"/>
          <c:tx>
            <c:strRef>
              <c:f>Лист1!$C$1</c:f>
              <c:strCache>
                <c:ptCount val="1"/>
                <c:pt idx="0">
                  <c:v>СД 2 тип</c:v>
                </c:pt>
              </c:strCache>
            </c:strRef>
          </c:tx>
          <c:dLbls>
            <c:dLbl>
              <c:idx val="0"/>
              <c:layout>
                <c:manualLayout>
                  <c:x val="-6.6162763870087821E-2"/>
                  <c:y val="-9.7394082353807268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64F4-4B3F-8403-1BD7A39388C7}"/>
                </c:ext>
              </c:extLst>
            </c:dLbl>
            <c:dLbl>
              <c:idx val="1"/>
              <c:layout>
                <c:manualLayout>
                  <c:x val="-5.0934013047663193E-2"/>
                  <c:y val="-9.2520735687467798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64F4-4B3F-8403-1BD7A39388C7}"/>
                </c:ext>
              </c:extLst>
            </c:dLbl>
            <c:dLbl>
              <c:idx val="2"/>
              <c:layout>
                <c:manualLayout>
                  <c:x val="-5.3763680439200039E-2"/>
                  <c:y val="-6.3303661259846475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64F4-4B3F-8403-1BD7A39388C7}"/>
                </c:ext>
              </c:extLst>
            </c:dLbl>
            <c:dLbl>
              <c:idx val="3"/>
              <c:layout>
                <c:manualLayout>
                  <c:x val="-3.9615343481515859E-2"/>
                  <c:y val="-7.7912198473657088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8-64F4-4B3F-8403-1BD7A39388C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200" b="1">
                    <a:solidFill>
                      <a:schemeClr val="accent1">
                        <a:lumMod val="50000"/>
                      </a:schemeClr>
                    </a:solidFill>
                    <a:latin typeface="Verdana" pitchFamily="34" charset="0"/>
                    <a:ea typeface="Verdana" pitchFamily="34" charset="0"/>
                    <a:cs typeface="Verdana" pitchFamily="34" charset="0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numRef>
              <c:f>Лист1!$A$2:$A$6</c:f>
              <c:numCache>
                <c:formatCode>General</c:formatCode>
                <c:ptCount val="5"/>
                <c:pt idx="0">
                  <c:v>2006</c:v>
                </c:pt>
                <c:pt idx="1">
                  <c:v>2008</c:v>
                </c:pt>
                <c:pt idx="2">
                  <c:v>2015</c:v>
                </c:pt>
                <c:pt idx="3">
                  <c:v>2016</c:v>
                </c:pt>
                <c:pt idx="4">
                  <c:v>2019</c:v>
                </c:pt>
              </c:numCache>
            </c:numRef>
          </c:cat>
          <c:val>
            <c:numRef>
              <c:f>Лист1!$C$2:$C$6</c:f>
              <c:numCache>
                <c:formatCode>General</c:formatCode>
                <c:ptCount val="5"/>
                <c:pt idx="0">
                  <c:v>13.1</c:v>
                </c:pt>
                <c:pt idx="1">
                  <c:v>10.7</c:v>
                </c:pt>
                <c:pt idx="2">
                  <c:v>11.1</c:v>
                </c:pt>
                <c:pt idx="3">
                  <c:v>12.1</c:v>
                </c:pt>
                <c:pt idx="4">
                  <c:v>12.19</c:v>
                </c:pt>
              </c:numCache>
            </c:numRef>
          </c:val>
          <c:smooth val="0"/>
          <c:extLst xmlns:c16r2="http://schemas.microsoft.com/office/drawing/2015/06/chart">
            <c:ext xmlns:c16="http://schemas.microsoft.com/office/drawing/2014/chart" uri="{C3380CC4-5D6E-409C-BE32-E72D297353CC}">
              <c16:uniqueId val="{00000009-64F4-4B3F-8403-1BD7A39388C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121671040"/>
        <c:axId val="167962112"/>
      </c:lineChart>
      <c:catAx>
        <c:axId val="121671040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200" b="1">
                <a:solidFill>
                  <a:schemeClr val="accent1">
                    <a:lumMod val="50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pPr>
            <a:endParaRPr lang="ru-RU"/>
          </a:p>
        </c:txPr>
        <c:crossAx val="167962112"/>
        <c:crosses val="autoZero"/>
        <c:auto val="1"/>
        <c:lblAlgn val="ctr"/>
        <c:lblOffset val="100"/>
        <c:noMultiLvlLbl val="0"/>
      </c:catAx>
      <c:valAx>
        <c:axId val="167962112"/>
        <c:scaling>
          <c:orientation val="minMax"/>
        </c:scaling>
        <c:delete val="1"/>
        <c:axPos val="l"/>
        <c:majorGridlines/>
        <c:numFmt formatCode="General" sourceLinked="1"/>
        <c:majorTickMark val="out"/>
        <c:minorTickMark val="none"/>
        <c:tickLblPos val="nextTo"/>
        <c:crossAx val="121671040"/>
        <c:crosses val="autoZero"/>
        <c:crossBetween val="between"/>
      </c:valAx>
    </c:plotArea>
    <c:legend>
      <c:legendPos val="r"/>
      <c:layout/>
      <c:overlay val="0"/>
      <c:txPr>
        <a:bodyPr/>
        <a:lstStyle/>
        <a:p>
          <a:pPr>
            <a:defRPr sz="1400" b="1">
              <a:solidFill>
                <a:schemeClr val="accent1">
                  <a:lumMod val="50000"/>
                </a:schemeClr>
              </a:solidFill>
              <a:latin typeface="Verdana" pitchFamily="34" charset="0"/>
              <a:ea typeface="Verdana" pitchFamily="34" charset="0"/>
              <a:cs typeface="Verdana" pitchFamily="34" charset="0"/>
            </a:defRPr>
          </a:pPr>
          <a:endParaRPr lang="ru-RU"/>
        </a:p>
      </c:txPr>
    </c:legend>
    <c:plotVisOnly val="1"/>
    <c:dispBlanksAs val="zero"/>
    <c:showDLblsOverMax val="0"/>
  </c:chart>
  <c:txPr>
    <a:bodyPr/>
    <a:lstStyle/>
    <a:p>
      <a:pPr>
        <a:defRPr sz="1800"/>
      </a:pPr>
      <a:endParaRPr lang="ru-RU"/>
    </a:p>
  </c:txPr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1" i="0" u="none" strike="noStrike" kern="1200" spc="0" baseline="0">
                <a:solidFill>
                  <a:schemeClr val="accent1">
                    <a:lumMod val="50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+mn-cs"/>
              </a:defRPr>
            </a:pPr>
            <a:r>
              <a:rPr lang="ru-RU" b="1" dirty="0"/>
              <a:t>Частота осложнений СД2 по данным регистра</a:t>
            </a:r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0.12551917889181236"/>
          <c:y val="0.1642653113650665"/>
          <c:w val="0.83311656330430406"/>
          <c:h val="0.62029116752178248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Лист1!$B$1</c:f>
              <c:strCache>
                <c:ptCount val="1"/>
                <c:pt idx="0">
                  <c:v>СД2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chemeClr val="accent3">
                  <a:lumMod val="75000"/>
                </a:schemeClr>
              </a:solidFill>
              <a:ln>
                <a:noFill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0-C2CE-438E-896B-AEDBC80D8CDA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2">
                  <a:lumMod val="60000"/>
                  <a:lumOff val="40000"/>
                </a:schemeClr>
              </a:solidFill>
              <a:ln>
                <a:noFill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1-C2CE-438E-896B-AEDBC80D8CDA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4">
                  <a:lumMod val="75000"/>
                </a:schemeClr>
              </a:solidFill>
              <a:ln>
                <a:noFill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2-C2CE-438E-896B-AEDBC80D8CDA}"/>
              </c:ext>
            </c:extLst>
          </c:dPt>
          <c:dPt>
            <c:idx val="3"/>
            <c:invertIfNegative val="0"/>
            <c:bubble3D val="0"/>
            <c:spPr>
              <a:solidFill>
                <a:srgbClr val="BFC662"/>
              </a:solidFill>
              <a:ln>
                <a:noFill/>
              </a:ln>
              <a:effectLst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6-C2CE-438E-896B-AEDBC80D8CDA}"/>
              </c:ext>
            </c:extLst>
          </c:dPt>
          <c:dLbls>
            <c:dLbl>
              <c:idx val="0"/>
              <c:layout>
                <c:manualLayout>
                  <c:x val="-1.4238321017185653E-3"/>
                  <c:y val="4.4205180303689175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C2CE-438E-896B-AEDBC80D8CDA}"/>
                </c:ext>
              </c:extLst>
            </c:dLbl>
            <c:dLbl>
              <c:idx val="1"/>
              <c:layout>
                <c:manualLayout>
                  <c:x val="7.119160508592827E-3"/>
                  <c:y val="-4.1353233187322626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C2CE-438E-896B-AEDBC80D8CDA}"/>
                </c:ext>
              </c:extLst>
            </c:dLbl>
            <c:dLbl>
              <c:idx val="2"/>
              <c:layout>
                <c:manualLayout>
                  <c:x val="0"/>
                  <c:y val="-1.2833762023652371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C2CE-438E-896B-AEDBC80D8CDA}"/>
                </c:ext>
              </c:extLst>
            </c:dLbl>
            <c:dLbl>
              <c:idx val="3"/>
              <c:layout>
                <c:manualLayout>
                  <c:x val="6.1020474309082997E-3"/>
                  <c:y val="5.3064080642421839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6-C2CE-438E-896B-AEDBC80D8CDA}"/>
                </c:ext>
              </c:extLst>
            </c:dLbl>
            <c:dLbl>
              <c:idx val="4"/>
              <c:layout>
                <c:manualLayout>
                  <c:x val="0"/>
                  <c:y val="2.9444669755752063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C2CE-438E-896B-AEDBC80D8CDA}"/>
                </c:ext>
              </c:extLst>
            </c:dLbl>
            <c:dLbl>
              <c:idx val="5"/>
              <c:layout>
                <c:manualLayout>
                  <c:x val="-1.4238321017185654E-2"/>
                  <c:y val="-6.9883932489246811E-4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A-C2CE-438E-896B-AEDBC80D8CDA}"/>
                </c:ext>
              </c:extLst>
            </c:dLbl>
            <c:dLbl>
              <c:idx val="6"/>
              <c:layout>
                <c:manualLayout>
                  <c:x val="-5.6953284068742612E-3"/>
                  <c:y val="9.4078324797702631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C-C2CE-438E-896B-AEDBC80D8CDA}"/>
                </c:ext>
              </c:extLst>
            </c:dLbl>
            <c:dLbl>
              <c:idx val="7"/>
              <c:layout>
                <c:manualLayout>
                  <c:x val="-1.0441314793643325E-16"/>
                  <c:y val="5.5716267641089416E-3"/>
                </c:manualLayout>
              </c:layout>
              <c:dLblPos val="outEnd"/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E-C2CE-438E-896B-AEDBC80D8CDA}"/>
                </c:ext>
              </c:extLst>
            </c:dLbl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197" b="0" i="0" u="none" strike="noStrike" kern="1200" baseline="0">
                    <a:solidFill>
                      <a:schemeClr val="accent1">
                        <a:lumMod val="50000"/>
                      </a:schemeClr>
                    </a:solidFill>
                    <a:latin typeface="Verdana" panose="020B0604030504040204" pitchFamily="34" charset="0"/>
                    <a:ea typeface="Verdana" panose="020B0604030504040204" pitchFamily="34" charset="0"/>
                    <a:cs typeface="+mn-cs"/>
                  </a:defRPr>
                </a:pPr>
                <a:endParaRPr lang="ru-RU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Лист1!$A$2:$A$6</c:f>
              <c:strCache>
                <c:ptCount val="5"/>
                <c:pt idx="0">
                  <c:v>нефропатия</c:v>
                </c:pt>
                <c:pt idx="1">
                  <c:v>ИБС</c:v>
                </c:pt>
                <c:pt idx="2">
                  <c:v>ИМ</c:v>
                </c:pt>
                <c:pt idx="3">
                  <c:v>ОНМК</c:v>
                </c:pt>
                <c:pt idx="4">
                  <c:v>ХСН</c:v>
                </c:pt>
              </c:strCache>
            </c:strRef>
          </c:cat>
          <c:val>
            <c:numRef>
              <c:f>Лист1!$B$2:$B$6</c:f>
              <c:numCache>
                <c:formatCode>0.00%</c:formatCode>
                <c:ptCount val="5"/>
                <c:pt idx="0">
                  <c:v>0.21970000000000001</c:v>
                </c:pt>
                <c:pt idx="1">
                  <c:v>0.14849999999999999</c:v>
                </c:pt>
                <c:pt idx="2">
                  <c:v>3.8800000000000001E-2</c:v>
                </c:pt>
                <c:pt idx="3">
                  <c:v>3.9699999999999999E-2</c:v>
                </c:pt>
                <c:pt idx="4">
                  <c:v>0.14599999999999999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C537-4E20-9918-6CFE38CC2D9E}"/>
            </c:ext>
          </c:extLst>
        </c:ser>
        <c:dLbls>
          <c:dLblPos val="inEnd"/>
          <c:showLegendKey val="0"/>
          <c:showVal val="1"/>
          <c:showCatName val="0"/>
          <c:showSerName val="0"/>
          <c:showPercent val="0"/>
          <c:showBubbleSize val="0"/>
        </c:dLbls>
        <c:gapWidth val="219"/>
        <c:axId val="91256320"/>
        <c:axId val="91281280"/>
      </c:barChart>
      <c:catAx>
        <c:axId val="9125632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accent1">
                    <a:lumMod val="50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+mn-cs"/>
              </a:defRPr>
            </a:pPr>
            <a:endParaRPr lang="ru-RU"/>
          </a:p>
        </c:txPr>
        <c:crossAx val="91281280"/>
        <c:crosses val="autoZero"/>
        <c:auto val="1"/>
        <c:lblAlgn val="ctr"/>
        <c:lblOffset val="100"/>
        <c:noMultiLvlLbl val="0"/>
      </c:catAx>
      <c:valAx>
        <c:axId val="91281280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accent1">
                    <a:lumMod val="50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+mn-cs"/>
              </a:defRPr>
            </a:pPr>
            <a:endParaRPr lang="ru-RU"/>
          </a:p>
        </c:txPr>
        <c:crossAx val="9125632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accent1">
                  <a:lumMod val="50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+mn-cs"/>
            </a:defRPr>
          </a:pPr>
          <a:endParaRPr lang="ru-RU"/>
        </a:p>
      </c:txPr>
    </c:legend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>
          <a:solidFill>
            <a:schemeClr val="accent1">
              <a:lumMod val="50000"/>
            </a:schemeClr>
          </a:solidFill>
          <a:latin typeface="Verdana" panose="020B0604030504040204" pitchFamily="34" charset="0"/>
          <a:ea typeface="Verdana" panose="020B0604030504040204" pitchFamily="34" charset="0"/>
        </a:defRPr>
      </a:pPr>
      <a:endParaRPr lang="ru-RU"/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6"/>
    </mc:Choice>
    <mc:Fallback>
      <c:style val="6"/>
    </mc:Fallback>
  </mc:AlternateContent>
  <c:chart>
    <c:autoTitleDeleted val="1"/>
    <c:plotArea>
      <c:layout/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2019 г</c:v>
                </c:pt>
              </c:strCache>
            </c:strRef>
          </c:tx>
          <c:invertIfNegative val="0"/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400">
                    <a:latin typeface="Verdana" pitchFamily="34" charset="0"/>
                    <a:ea typeface="Verdana" pitchFamily="34" charset="0"/>
                    <a:cs typeface="Verdana" pitchFamily="34" charset="0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heet1!$A$2:$A$15</c:f>
              <c:strCache>
                <c:ptCount val="14"/>
                <c:pt idx="0">
                  <c:v>Алкоголь и другие отравления</c:v>
                </c:pt>
                <c:pt idx="1">
                  <c:v>Другая причина⃰</c:v>
                </c:pt>
                <c:pt idx="2">
                  <c:v>Заболевания желудочно-кишечного тракта</c:v>
                </c:pt>
                <c:pt idx="3">
                  <c:v>Почечная недостаточность</c:v>
                </c:pt>
                <c:pt idx="4">
                  <c:v>Инфаркт миокарда</c:v>
                </c:pt>
                <c:pt idx="5">
                  <c:v>Сахарный диабет</c:v>
                </c:pt>
                <c:pt idx="6">
                  <c:v>Коронавирус</c:v>
                </c:pt>
                <c:pt idx="7">
                  <c:v>Заболевания органов дыхания</c:v>
                </c:pt>
                <c:pt idx="8">
                  <c:v>Нарушения мозгового кровообращения</c:v>
                </c:pt>
                <c:pt idx="9">
                  <c:v>Онкологические заболевания</c:v>
                </c:pt>
                <c:pt idx="10">
                  <c:v>Старость и дегенеративные заболевания</c:v>
                </c:pt>
                <c:pt idx="11">
                  <c:v>Причина не установлена</c:v>
                </c:pt>
                <c:pt idx="12">
                  <c:v>Острые сердечно-сосудистые заболевания</c:v>
                </c:pt>
                <c:pt idx="13">
                  <c:v>Хроническая сердечно-сосудистая недостаточность</c:v>
                </c:pt>
              </c:strCache>
            </c:strRef>
          </c:cat>
          <c:val>
            <c:numRef>
              <c:f>Sheet1!$B$2:$B$15</c:f>
              <c:numCache>
                <c:formatCode>General</c:formatCode>
                <c:ptCount val="14"/>
                <c:pt idx="0">
                  <c:v>0.23</c:v>
                </c:pt>
                <c:pt idx="1">
                  <c:v>0.51</c:v>
                </c:pt>
                <c:pt idx="2">
                  <c:v>1.46</c:v>
                </c:pt>
                <c:pt idx="3">
                  <c:v>1</c:v>
                </c:pt>
                <c:pt idx="4">
                  <c:v>3.3</c:v>
                </c:pt>
                <c:pt idx="5">
                  <c:v>3.66</c:v>
                </c:pt>
                <c:pt idx="6">
                  <c:v>0</c:v>
                </c:pt>
                <c:pt idx="7">
                  <c:v>1.81</c:v>
                </c:pt>
                <c:pt idx="8">
                  <c:v>9.9</c:v>
                </c:pt>
                <c:pt idx="9">
                  <c:v>10.48</c:v>
                </c:pt>
                <c:pt idx="10">
                  <c:v>11.64</c:v>
                </c:pt>
                <c:pt idx="11">
                  <c:v>15.27</c:v>
                </c:pt>
                <c:pt idx="12">
                  <c:v>16.36</c:v>
                </c:pt>
                <c:pt idx="13">
                  <c:v>24.35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66FA-4591-B105-523F25EC48EE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2020 г</c:v>
                </c:pt>
              </c:strCache>
            </c:strRef>
          </c:tx>
          <c:invertIfNegative val="0"/>
          <c:dLbls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400">
                    <a:latin typeface="Verdana" pitchFamily="34" charset="0"/>
                    <a:ea typeface="Verdana" pitchFamily="34" charset="0"/>
                    <a:cs typeface="Verdana" pitchFamily="34" charset="0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0"/>
              </c:ext>
            </c:extLst>
          </c:dLbls>
          <c:cat>
            <c:strRef>
              <c:f>Sheet1!$A$2:$A$15</c:f>
              <c:strCache>
                <c:ptCount val="14"/>
                <c:pt idx="0">
                  <c:v>Алкоголь и другие отравления</c:v>
                </c:pt>
                <c:pt idx="1">
                  <c:v>Другая причина⃰</c:v>
                </c:pt>
                <c:pt idx="2">
                  <c:v>Заболевания желудочно-кишечного тракта</c:v>
                </c:pt>
                <c:pt idx="3">
                  <c:v>Почечная недостаточность</c:v>
                </c:pt>
                <c:pt idx="4">
                  <c:v>Инфаркт миокарда</c:v>
                </c:pt>
                <c:pt idx="5">
                  <c:v>Сахарный диабет</c:v>
                </c:pt>
                <c:pt idx="6">
                  <c:v>Коронавирус</c:v>
                </c:pt>
                <c:pt idx="7">
                  <c:v>Заболевания органов дыхания</c:v>
                </c:pt>
                <c:pt idx="8">
                  <c:v>Нарушения мозгового кровообращения</c:v>
                </c:pt>
                <c:pt idx="9">
                  <c:v>Онкологические заболевания</c:v>
                </c:pt>
                <c:pt idx="10">
                  <c:v>Старость и дегенеративные заболевания</c:v>
                </c:pt>
                <c:pt idx="11">
                  <c:v>Причина не установлена</c:v>
                </c:pt>
                <c:pt idx="12">
                  <c:v>Острые сердечно-сосудистые заболевания</c:v>
                </c:pt>
                <c:pt idx="13">
                  <c:v>Хроническая сердечно-сосудистая недостаточность</c:v>
                </c:pt>
              </c:strCache>
            </c:strRef>
          </c:cat>
          <c:val>
            <c:numRef>
              <c:f>Sheet1!$C$2:$C$15</c:f>
              <c:numCache>
                <c:formatCode>General</c:formatCode>
                <c:ptCount val="14"/>
                <c:pt idx="0">
                  <c:v>0.2</c:v>
                </c:pt>
                <c:pt idx="1">
                  <c:v>0.56000000000000005</c:v>
                </c:pt>
                <c:pt idx="2">
                  <c:v>1.63</c:v>
                </c:pt>
                <c:pt idx="3">
                  <c:v>1.46</c:v>
                </c:pt>
                <c:pt idx="4">
                  <c:v>2.96</c:v>
                </c:pt>
                <c:pt idx="5">
                  <c:v>3.09</c:v>
                </c:pt>
                <c:pt idx="6">
                  <c:v>4.32</c:v>
                </c:pt>
                <c:pt idx="7">
                  <c:v>5.29</c:v>
                </c:pt>
                <c:pt idx="8">
                  <c:v>7.72</c:v>
                </c:pt>
                <c:pt idx="9">
                  <c:v>9.48</c:v>
                </c:pt>
                <c:pt idx="10">
                  <c:v>9.44</c:v>
                </c:pt>
                <c:pt idx="11">
                  <c:v>14.17</c:v>
                </c:pt>
                <c:pt idx="12">
                  <c:v>17.190000000000001</c:v>
                </c:pt>
                <c:pt idx="13">
                  <c:v>21.48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1EC3-4819-AE14-7E978B2AA43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0"/>
        <c:axId val="97175424"/>
        <c:axId val="97176960"/>
      </c:barChart>
      <c:catAx>
        <c:axId val="97175424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txPr>
          <a:bodyPr rot="-60000000" vert="horz"/>
          <a:lstStyle/>
          <a:p>
            <a:pPr>
              <a:defRPr b="0">
                <a:latin typeface="Verdana" pitchFamily="34" charset="0"/>
                <a:ea typeface="Verdana" pitchFamily="34" charset="0"/>
                <a:cs typeface="Verdana" pitchFamily="34" charset="0"/>
              </a:defRPr>
            </a:pPr>
            <a:endParaRPr lang="ru-RU"/>
          </a:p>
        </c:txPr>
        <c:crossAx val="97176960"/>
        <c:crosses val="autoZero"/>
        <c:auto val="1"/>
        <c:lblAlgn val="ctr"/>
        <c:lblOffset val="100"/>
        <c:noMultiLvlLbl val="0"/>
      </c:catAx>
      <c:valAx>
        <c:axId val="97176960"/>
        <c:scaling>
          <c:orientation val="minMax"/>
        </c:scaling>
        <c:delete val="1"/>
        <c:axPos val="b"/>
        <c:majorGridlines/>
        <c:numFmt formatCode="General" sourceLinked="1"/>
        <c:majorTickMark val="none"/>
        <c:minorTickMark val="none"/>
        <c:tickLblPos val="nextTo"/>
        <c:crossAx val="97175424"/>
        <c:crosses val="autoZero"/>
        <c:crossBetween val="between"/>
      </c:valAx>
    </c:plotArea>
    <c:legend>
      <c:legendPos val="b"/>
      <c:layout/>
      <c:overlay val="0"/>
      <c:txPr>
        <a:bodyPr rot="0" vert="horz"/>
        <a:lstStyle/>
        <a:p>
          <a:pPr>
            <a:defRPr>
              <a:latin typeface="Verdana" pitchFamily="34" charset="0"/>
              <a:ea typeface="Verdana" pitchFamily="34" charset="0"/>
              <a:cs typeface="Verdana" pitchFamily="34" charset="0"/>
            </a:defRPr>
          </a:pPr>
          <a:endParaRPr lang="ru-RU"/>
        </a:p>
      </c:txPr>
    </c:legend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txPr>
    <a:bodyPr/>
    <a:lstStyle/>
    <a:p>
      <a:pPr>
        <a:defRPr sz="1800">
          <a:solidFill>
            <a:schemeClr val="accent1">
              <a:lumMod val="50000"/>
            </a:schemeClr>
          </a:solidFill>
        </a:defRPr>
      </a:pPr>
      <a:endParaRPr lang="ru-RU"/>
    </a:p>
  </c:txPr>
  <c:externalData r:id="rId1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4.6564652523611687E-2"/>
          <c:y val="1.6003673596405341E-2"/>
          <c:w val="0.95343534747638869"/>
          <c:h val="0.91015248461112253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EMPA-REG OUTCOME</c:v>
                </c:pt>
              </c:strCache>
            </c:strRef>
          </c:tx>
          <c:spPr>
            <a:solidFill>
              <a:srgbClr val="00829C"/>
            </a:solidFill>
            <a:ln>
              <a:solidFill>
                <a:schemeClr val="tx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6</c:f>
              <c:strCache>
                <c:ptCount val="5"/>
                <c:pt idx="0">
                  <c:v>3 MACE</c:v>
                </c:pt>
                <c:pt idx="1">
                  <c:v>ССС</c:v>
                </c:pt>
                <c:pt idx="2">
                  <c:v>ССС+ГСН</c:v>
                </c:pt>
                <c:pt idx="3">
                  <c:v>ГСН</c:v>
                </c:pt>
                <c:pt idx="4">
                  <c:v>Общая смертность</c:v>
                </c:pt>
              </c:strCache>
            </c:strRef>
          </c:cat>
          <c:val>
            <c:numRef>
              <c:f>Sheet1!$B$2:$B$6</c:f>
              <c:numCache>
                <c:formatCode>General</c:formatCode>
                <c:ptCount val="5"/>
                <c:pt idx="0">
                  <c:v>58</c:v>
                </c:pt>
                <c:pt idx="1">
                  <c:v>45</c:v>
                </c:pt>
                <c:pt idx="2">
                  <c:v>35</c:v>
                </c:pt>
                <c:pt idx="3">
                  <c:v>68</c:v>
                </c:pt>
                <c:pt idx="4">
                  <c:v>39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7875-4B85-801F-74ECF48C70D5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CANVAS</c:v>
                </c:pt>
              </c:strCache>
            </c:strRef>
          </c:tx>
          <c:spPr>
            <a:solidFill>
              <a:srgbClr val="5C8A00"/>
            </a:solidFill>
            <a:ln>
              <a:solidFill>
                <a:schemeClr val="tx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6</c:f>
              <c:strCache>
                <c:ptCount val="5"/>
                <c:pt idx="0">
                  <c:v>3 MACE</c:v>
                </c:pt>
                <c:pt idx="1">
                  <c:v>ССС</c:v>
                </c:pt>
                <c:pt idx="2">
                  <c:v>ССС+ГСН</c:v>
                </c:pt>
                <c:pt idx="3">
                  <c:v>ГСН</c:v>
                </c:pt>
                <c:pt idx="4">
                  <c:v>Общая смертность</c:v>
                </c:pt>
              </c:strCache>
            </c:strRef>
          </c:cat>
          <c:val>
            <c:numRef>
              <c:f>Sheet1!$C$2:$C$6</c:f>
              <c:numCache>
                <c:formatCode>General</c:formatCode>
                <c:ptCount val="5"/>
                <c:pt idx="0">
                  <c:v>52</c:v>
                </c:pt>
                <c:pt idx="1">
                  <c:v>175</c:v>
                </c:pt>
                <c:pt idx="2">
                  <c:v>56</c:v>
                </c:pt>
                <c:pt idx="3">
                  <c:v>86</c:v>
                </c:pt>
                <c:pt idx="4">
                  <c:v>178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7875-4B85-801F-74ECF48C70D5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DECLARE</c:v>
                </c:pt>
              </c:strCache>
            </c:strRef>
          </c:tx>
          <c:spPr>
            <a:solidFill>
              <a:srgbClr val="B48000"/>
            </a:solidFill>
            <a:ln>
              <a:solidFill>
                <a:schemeClr val="tx1"/>
              </a:solidFill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6</c:f>
              <c:strCache>
                <c:ptCount val="5"/>
                <c:pt idx="0">
                  <c:v>3 MACE</c:v>
                </c:pt>
                <c:pt idx="1">
                  <c:v>ССС</c:v>
                </c:pt>
                <c:pt idx="2">
                  <c:v>ССС+ГСН</c:v>
                </c:pt>
                <c:pt idx="3">
                  <c:v>ГСН</c:v>
                </c:pt>
                <c:pt idx="4">
                  <c:v>Общая смертность</c:v>
                </c:pt>
              </c:strCache>
            </c:strRef>
          </c:cat>
          <c:val>
            <c:numRef>
              <c:f>Sheet1!$D$2:$D$6</c:f>
              <c:numCache>
                <c:formatCode>General</c:formatCode>
                <c:ptCount val="5"/>
                <c:pt idx="0">
                  <c:v>89</c:v>
                </c:pt>
                <c:pt idx="1">
                  <c:v>493</c:v>
                </c:pt>
                <c:pt idx="2">
                  <c:v>89</c:v>
                </c:pt>
                <c:pt idx="3">
                  <c:v>115</c:v>
                </c:pt>
                <c:pt idx="4">
                  <c:v>188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7875-4B85-801F-74ECF48C70D5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219"/>
        <c:overlap val="-27"/>
        <c:axId val="163290112"/>
        <c:axId val="163309056"/>
      </c:barChart>
      <c:catAx>
        <c:axId val="16329011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1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  <c:crossAx val="163309056"/>
        <c:crosses val="autoZero"/>
        <c:auto val="1"/>
        <c:lblAlgn val="ctr"/>
        <c:lblOffset val="100"/>
        <c:noMultiLvlLbl val="0"/>
      </c:catAx>
      <c:valAx>
        <c:axId val="16330905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  <c:crossAx val="16329011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r"/>
      <c:legendEntry>
        <c:idx val="0"/>
        <c:txPr>
          <a:bodyPr rot="0" spcFirstLastPara="1" vertOverflow="ellipsis" vert="horz" wrap="square" anchor="ctr" anchorCtr="1"/>
          <a:lstStyle/>
          <a:p>
            <a:pPr>
              <a:defRPr sz="2000" b="1" i="0" u="none" strike="noStrike" kern="1200" baseline="0">
                <a:solidFill>
                  <a:srgbClr val="00829C"/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</c:legendEntry>
      <c:legendEntry>
        <c:idx val="1"/>
        <c:txPr>
          <a:bodyPr rot="0" spcFirstLastPara="1" vertOverflow="ellipsis" vert="horz" wrap="square" anchor="ctr" anchorCtr="1"/>
          <a:lstStyle/>
          <a:p>
            <a:pPr>
              <a:defRPr sz="2000" b="1" i="0" u="none" strike="noStrike" kern="1200" baseline="0">
                <a:solidFill>
                  <a:srgbClr val="5C8A00"/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</c:legendEntry>
      <c:legendEntry>
        <c:idx val="2"/>
        <c:txPr>
          <a:bodyPr rot="0" spcFirstLastPara="1" vertOverflow="ellipsis" vert="horz" wrap="square" anchor="ctr" anchorCtr="1"/>
          <a:lstStyle/>
          <a:p>
            <a:pPr>
              <a:defRPr sz="2000" b="1" i="0" u="none" strike="noStrike" kern="1200" baseline="0">
                <a:solidFill>
                  <a:srgbClr val="B48000"/>
                </a:solidFill>
                <a:latin typeface="+mn-lt"/>
                <a:ea typeface="+mn-ea"/>
                <a:cs typeface="+mn-cs"/>
              </a:defRPr>
            </a:pPr>
            <a:endParaRPr lang="ru-RU"/>
          </a:p>
        </c:txPr>
      </c:legendEntry>
      <c:layout>
        <c:manualLayout>
          <c:xMode val="edge"/>
          <c:yMode val="edge"/>
          <c:x val="0.49297658219668944"/>
          <c:y val="0.2972588612749571"/>
          <c:w val="0.29739872746812307"/>
          <c:h val="0.26813251719324538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ru-RU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ru-RU"/>
    </a:p>
  </c:txPr>
  <c:externalData r:id="rId1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.10297846794128418"/>
          <c:y val="3.9460439234972E-2"/>
          <c:w val="0.87011110782623291"/>
          <c:h val="0.77452462911605835"/>
        </c:manualLayout>
      </c:layout>
      <c:scatterChart>
        <c:scatterStyle val="lineMarker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Légère augmentation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noFill/>
              <a:ln w="9525">
                <a:noFill/>
              </a:ln>
              <a:effectLst/>
            </c:spPr>
          </c:marker>
          <c:dPt>
            <c:idx val="0"/>
            <c:bubble3D val="0"/>
            <c:extLst xmlns:c16r2="http://schemas.microsoft.com/office/drawing/2015/06/chart">
              <c:ext xmlns:c16="http://schemas.microsoft.com/office/drawing/2014/chart" uri="{C3380CC4-5D6E-409C-BE32-E72D297353CC}">
                <c16:uniqueId val="{00000000-4A74-4847-B64F-0DC0F8174F4F}"/>
              </c:ext>
            </c:extLst>
          </c:dPt>
          <c:dPt>
            <c:idx val="1"/>
            <c:bubble3D val="0"/>
            <c:extLst xmlns:c16r2="http://schemas.microsoft.com/office/drawing/2015/06/chart">
              <c:ext xmlns:c16="http://schemas.microsoft.com/office/drawing/2014/chart" uri="{C3380CC4-5D6E-409C-BE32-E72D297353CC}">
                <c16:uniqueId val="{00000001-4A74-4847-B64F-0DC0F8174F4F}"/>
              </c:ext>
            </c:extLst>
          </c:dPt>
          <c:dPt>
            <c:idx val="2"/>
            <c:bubble3D val="0"/>
            <c:extLst xmlns:c16r2="http://schemas.microsoft.com/office/drawing/2015/06/chart">
              <c:ext xmlns:c16="http://schemas.microsoft.com/office/drawing/2014/chart" uri="{C3380CC4-5D6E-409C-BE32-E72D297353CC}">
                <c16:uniqueId val="{00000002-4A74-4847-B64F-0DC0F8174F4F}"/>
              </c:ext>
            </c:extLst>
          </c:dPt>
          <c:dPt>
            <c:idx val="3"/>
            <c:bubble3D val="0"/>
            <c:extLst xmlns:c16r2="http://schemas.microsoft.com/office/drawing/2015/06/chart">
              <c:ext xmlns:c16="http://schemas.microsoft.com/office/drawing/2014/chart" uri="{C3380CC4-5D6E-409C-BE32-E72D297353CC}">
                <c16:uniqueId val="{00000003-4A74-4847-B64F-0DC0F8174F4F}"/>
              </c:ext>
            </c:extLst>
          </c:dPt>
          <c:dPt>
            <c:idx val="4"/>
            <c:bubble3D val="0"/>
            <c:extLst xmlns:c16r2="http://schemas.microsoft.com/office/drawing/2015/06/chart">
              <c:ext xmlns:c16="http://schemas.microsoft.com/office/drawing/2014/chart" uri="{C3380CC4-5D6E-409C-BE32-E72D297353CC}">
                <c16:uniqueId val="{00000004-4A74-4847-B64F-0DC0F8174F4F}"/>
              </c:ext>
            </c:extLst>
          </c:dPt>
          <c:xVal>
            <c:strRef>
              <c:f>Sheet1!$A$2:$A$6</c:f>
              <c:strCache>
                <c:ptCount val="5"/>
                <c:pt idx="0">
                  <c:v>No T2DM or
kidney disease</c:v>
                </c:pt>
                <c:pt idx="1">
                  <c:v>T2DM and no
kidney disease</c:v>
                </c:pt>
                <c:pt idx="2">
                  <c:v>T2DM and
albuminuria</c:v>
                </c:pt>
                <c:pt idx="3">
                  <c:v>T2DM and
impaired GFR</c:v>
                </c:pt>
                <c:pt idx="4">
                  <c:v>T2DM, albuminuria
and impaired GFR</c:v>
                </c:pt>
              </c:strCache>
            </c:strRef>
          </c:xVal>
          <c:yVal>
            <c:numRef>
              <c:f>Sheet1!$B$2:$B$6</c:f>
              <c:numCache>
                <c:formatCode>0.0</c:formatCode>
                <c:ptCount val="5"/>
                <c:pt idx="0">
                  <c:v>7.6</c:v>
                </c:pt>
                <c:pt idx="1">
                  <c:v>11.7</c:v>
                </c:pt>
                <c:pt idx="2">
                  <c:v>25.4</c:v>
                </c:pt>
                <c:pt idx="3">
                  <c:v>31.5</c:v>
                </c:pt>
                <c:pt idx="4">
                  <c:v>54.6</c:v>
                </c:pt>
              </c:numCache>
            </c:numRef>
          </c:yVal>
          <c:smooth val="0"/>
          <c:extLst xmlns:c16r2="http://schemas.microsoft.com/office/drawing/2015/06/chart">
            <c:ext xmlns:c16="http://schemas.microsoft.com/office/drawing/2014/chart" uri="{C3380CC4-5D6E-409C-BE32-E72D297353CC}">
              <c16:uniqueId val="{00000005-4A74-4847-B64F-0DC0F8174F4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214980864"/>
        <c:axId val="215021824"/>
      </c:scatterChart>
      <c:valAx>
        <c:axId val="214980864"/>
        <c:scaling>
          <c:orientation val="minMax"/>
          <c:max val="24"/>
        </c:scaling>
        <c:delete val="0"/>
        <c:axPos val="b"/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2000" b="1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CA" sz="2000" b="1">
                    <a:solidFill>
                      <a:schemeClr val="tx1"/>
                    </a:solidFill>
                  </a:rPr>
                  <a:t>Months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</c:title>
        <c:numFmt formatCode="General" sourceLinked="1"/>
        <c:majorTickMark val="none"/>
        <c:minorTickMark val="none"/>
        <c:tickLblPos val="low"/>
        <c:spPr>
          <a:noFill/>
          <a:ln w="19050" cap="flat" cmpd="sng" algn="ctr">
            <a:solidFill>
              <a:schemeClr val="tx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 smtId="4294967295">
                <a:solidFill>
                  <a:schemeClr val="tx1"/>
                </a:solidFill>
                <a:latin typeface="+mn-lt"/>
                <a:ea typeface="Tahoma" panose="020B0604030504040204" pitchFamily="34" charset="0"/>
                <a:cs typeface="Tahoma" panose="020B0604030504040204" pitchFamily="34" charset="0"/>
              </a:defRPr>
            </a:pPr>
            <a:endParaRPr lang="ru-RU"/>
          </a:p>
        </c:txPr>
        <c:crossAx val="215021824"/>
        <c:crosses val="autoZero"/>
        <c:crossBetween val="midCat"/>
        <c:majorUnit val="3"/>
      </c:valAx>
      <c:valAx>
        <c:axId val="215021824"/>
        <c:scaling>
          <c:orientation val="minMax"/>
          <c:max val="5.000000000000001E-2"/>
          <c:min val="0"/>
        </c:scaling>
        <c:delete val="0"/>
        <c:axPos val="l"/>
        <c:title>
          <c:tx>
            <c:rich>
              <a:bodyPr rot="-5400000" spcFirstLastPara="1" vertOverflow="ellipsis" vert="horz" wrap="square" anchor="ctr" anchorCtr="1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defRPr sz="2000" b="1" i="0" u="none" strike="noStrike" kern="1200" baseline="0">
                    <a:solidFill>
                      <a:schemeClr val="tx1"/>
                    </a:solidFill>
                    <a:latin typeface="+mn-lt"/>
                    <a:ea typeface="Tahoma" panose="020B0604030504040204" pitchFamily="34" charset="0"/>
                    <a:cs typeface="Tahoma" panose="020B0604030504040204" pitchFamily="34" charset="0"/>
                  </a:defRPr>
                </a:pPr>
                <a:r>
                  <a:rPr lang="en-US" sz="2000" b="1" i="0" baseline="0">
                    <a:solidFill>
                      <a:schemeClr val="tx1"/>
                    </a:solidFill>
                    <a:effectLst/>
                    <a:latin typeface="+mn-lt"/>
                  </a:rPr>
                  <a:t>Patients with events (%)</a:t>
                </a:r>
              </a:p>
            </c:rich>
          </c:tx>
          <c:layout/>
          <c:overlay val="0"/>
          <c:spPr>
            <a:noFill/>
            <a:ln>
              <a:noFill/>
            </a:ln>
            <a:effectLst/>
          </c:spPr>
        </c:title>
        <c:numFmt formatCode="0.00" sourceLinked="0"/>
        <c:majorTickMark val="none"/>
        <c:minorTickMark val="none"/>
        <c:tickLblPos val="nextTo"/>
        <c:spPr>
          <a:noFill/>
          <a:ln w="19050">
            <a:solidFill>
              <a:schemeClr val="tx1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 smtId="4294967295">
                <a:solidFill>
                  <a:schemeClr val="tx1"/>
                </a:solidFill>
                <a:latin typeface="+mn-lt"/>
                <a:ea typeface="Tahoma" panose="020B0604030504040204" pitchFamily="34" charset="0"/>
                <a:cs typeface="Tahoma" panose="020B0604030504040204" pitchFamily="34" charset="0"/>
              </a:defRPr>
            </a:pPr>
            <a:endParaRPr lang="ru-RU"/>
          </a:p>
        </c:txPr>
        <c:crossAx val="214980864"/>
        <c:crosses val="autoZero"/>
        <c:crossBetween val="midCat"/>
        <c:majorUnit val="1.0000000000000002E-2"/>
      </c:valAx>
      <c:spPr>
        <a:noFill/>
        <a:ln w="25400">
          <a:noFill/>
        </a:ln>
        <a:effectLst/>
      </c:spPr>
    </c:plotArea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/>
      </a:pPr>
      <a:endParaRPr lang="ru-RU"/>
    </a:p>
  </c:txPr>
  <c:externalData r:id="rId2">
    <c:autoUpdate val="0"/>
  </c:externalData>
  <c:userShapes r:id="rId3"/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/>
          <a:lstStyle/>
          <a:p>
            <a:pPr>
              <a:defRPr>
                <a:latin typeface="Verdana" pitchFamily="34" charset="0"/>
                <a:ea typeface="Verdana" pitchFamily="34" charset="0"/>
                <a:cs typeface="Verdana" pitchFamily="34" charset="0"/>
              </a:defRPr>
            </a:pPr>
            <a:r>
              <a:rPr lang="ru-RU" dirty="0">
                <a:latin typeface="Verdana" pitchFamily="34" charset="0"/>
                <a:ea typeface="Verdana" pitchFamily="34" charset="0"/>
                <a:cs typeface="Verdana" pitchFamily="34" charset="0"/>
              </a:rPr>
              <a:t>По стандарту</a:t>
            </a:r>
          </a:p>
        </c:rich>
      </c:tx>
      <c:layout/>
      <c:overlay val="0"/>
    </c:title>
    <c:autoTitleDeleted val="0"/>
    <c:view3D>
      <c:rotX val="30"/>
      <c:rotY val="0"/>
      <c:rAngAx val="0"/>
      <c:perspective val="30"/>
    </c:view3D>
    <c:floor>
      <c:thickness val="0"/>
    </c:floor>
    <c:sideWall>
      <c:thickness val="0"/>
    </c:sideWall>
    <c:backWall>
      <c:thickness val="0"/>
    </c:backWall>
    <c:plotArea>
      <c:layout/>
      <c:pie3DChart>
        <c:varyColors val="1"/>
        <c:ser>
          <c:idx val="0"/>
          <c:order val="0"/>
          <c:tx>
            <c:strRef>
              <c:f>Лист1!$B$1</c:f>
              <c:strCache>
                <c:ptCount val="1"/>
                <c:pt idx="0">
                  <c:v>Столбец1</c:v>
                </c:pt>
              </c:strCache>
            </c:strRef>
          </c:tx>
          <c:explosion val="25"/>
          <c:dLbls>
            <c:dLbl>
              <c:idx val="0"/>
              <c:layout>
                <c:manualLayout>
                  <c:x val="-0.14415335522498396"/>
                  <c:y val="-0.12158767685790918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ACF2-411A-9076-807FFED1713E}"/>
                </c:ext>
              </c:extLst>
            </c:dLbl>
            <c:dLbl>
              <c:idx val="1"/>
              <c:layout>
                <c:manualLayout>
                  <c:x val="8.3636202768038195E-2"/>
                  <c:y val="-8.745617821571759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ACF2-411A-9076-807FFED1713E}"/>
                </c:ext>
              </c:extLst>
            </c:dLbl>
            <c:dLbl>
              <c:idx val="2"/>
              <c:layout>
                <c:manualLayout>
                  <c:x val="-3.7077950359442682E-2"/>
                  <c:y val="2.1954653299194486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ACF2-411A-9076-807FFED1713E}"/>
                </c:ext>
              </c:extLst>
            </c:dLbl>
            <c:dLbl>
              <c:idx val="3"/>
              <c:layout>
                <c:manualLayout>
                  <c:x val="2.4661764726629475E-2"/>
                  <c:y val="-5.4994658272754807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ACF2-411A-9076-807FFED1713E}"/>
                </c:ext>
              </c:extLst>
            </c:dLbl>
            <c:numFmt formatCode="0.0%" sourceLinked="0"/>
            <c:spPr>
              <a:noFill/>
              <a:ln>
                <a:noFill/>
              </a:ln>
              <a:effectLst/>
            </c:spPr>
            <c:txPr>
              <a:bodyPr/>
              <a:lstStyle/>
              <a:p>
                <a:pPr>
                  <a:defRPr sz="1400" b="1">
                    <a:latin typeface="Verdana" pitchFamily="34" charset="0"/>
                    <a:ea typeface="Verdana" pitchFamily="34" charset="0"/>
                    <a:cs typeface="Verdana" pitchFamily="34" charset="0"/>
                  </a:defRPr>
                </a:pPr>
                <a:endParaRPr lang="ru-RU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extLst xmlns:c16r2="http://schemas.microsoft.com/office/drawing/2015/06/chart">
              <c:ext xmlns:c15="http://schemas.microsoft.com/office/drawing/2012/chart" uri="{CE6537A1-D6FC-4f65-9D91-7224C49458BB}"/>
            </c:extLst>
          </c:dLbls>
          <c:cat>
            <c:strRef>
              <c:f>Лист1!$A$2:$A$6</c:f>
              <c:strCache>
                <c:ptCount val="5"/>
                <c:pt idx="0">
                  <c:v>МФ</c:v>
                </c:pt>
                <c:pt idx="1">
                  <c:v>СМ</c:v>
                </c:pt>
                <c:pt idx="2">
                  <c:v>иДПП4</c:v>
                </c:pt>
                <c:pt idx="3">
                  <c:v>иНГЛТ2</c:v>
                </c:pt>
                <c:pt idx="4">
                  <c:v>аГПП1</c:v>
                </c:pt>
              </c:strCache>
            </c:strRef>
          </c:cat>
          <c:val>
            <c:numRef>
              <c:f>Лист1!$B$2:$B$6</c:f>
              <c:numCache>
                <c:formatCode>0.00%</c:formatCode>
                <c:ptCount val="5"/>
                <c:pt idx="0" formatCode="0%">
                  <c:v>0.63</c:v>
                </c:pt>
                <c:pt idx="1">
                  <c:v>0.247</c:v>
                </c:pt>
                <c:pt idx="2">
                  <c:v>0.22500000000000001</c:v>
                </c:pt>
                <c:pt idx="3">
                  <c:v>0.40899999999999997</c:v>
                </c:pt>
                <c:pt idx="4">
                  <c:v>0.124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4-ACF2-411A-9076-807FFED1713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</c:pie3DChart>
    </c:plotArea>
    <c:legend>
      <c:legendPos val="b"/>
      <c:layout/>
      <c:overlay val="0"/>
      <c:txPr>
        <a:bodyPr/>
        <a:lstStyle/>
        <a:p>
          <a:pPr>
            <a:defRPr sz="1200">
              <a:latin typeface="Verdana" pitchFamily="34" charset="0"/>
              <a:ea typeface="Verdana" pitchFamily="34" charset="0"/>
              <a:cs typeface="Verdana" pitchFamily="34" charset="0"/>
            </a:defRPr>
          </a:pPr>
          <a:endParaRPr lang="ru-RU"/>
        </a:p>
      </c:txPr>
    </c:legend>
    <c:plotVisOnly val="1"/>
    <c:dispBlanksAs val="gap"/>
    <c:showDLblsOverMax val="0"/>
  </c:chart>
  <c:txPr>
    <a:bodyPr/>
    <a:lstStyle/>
    <a:p>
      <a:pPr>
        <a:defRPr sz="1800"/>
      </a:pPr>
      <a:endParaRPr lang="ru-RU"/>
    </a:p>
  </c:txPr>
  <c:externalData r:id="rId1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/>
          <a:lstStyle/>
          <a:p>
            <a:pPr>
              <a:defRPr>
                <a:latin typeface="Verdana" pitchFamily="34" charset="0"/>
                <a:ea typeface="Verdana" pitchFamily="34" charset="0"/>
                <a:cs typeface="Verdana" pitchFamily="34" charset="0"/>
              </a:defRPr>
            </a:pPr>
            <a:r>
              <a:rPr lang="ru-RU" dirty="0">
                <a:latin typeface="Verdana" pitchFamily="34" charset="0"/>
                <a:ea typeface="Verdana" pitchFamily="34" charset="0"/>
                <a:cs typeface="Verdana" pitchFamily="34" charset="0"/>
              </a:rPr>
              <a:t>По регистру</a:t>
            </a:r>
          </a:p>
        </c:rich>
      </c:tx>
      <c:layout/>
      <c:overlay val="0"/>
    </c:title>
    <c:autoTitleDeleted val="0"/>
    <c:view3D>
      <c:rotX val="30"/>
      <c:rotY val="0"/>
      <c:rAngAx val="0"/>
      <c:perspective val="30"/>
    </c:view3D>
    <c:floor>
      <c:thickness val="0"/>
    </c:floor>
    <c:sideWall>
      <c:thickness val="0"/>
    </c:sideWall>
    <c:backWall>
      <c:thickness val="0"/>
    </c:backWall>
    <c:plotArea>
      <c:layout/>
      <c:pie3DChart>
        <c:varyColors val="1"/>
        <c:ser>
          <c:idx val="0"/>
          <c:order val="0"/>
          <c:tx>
            <c:strRef>
              <c:f>Лист1!$B$1</c:f>
              <c:strCache>
                <c:ptCount val="1"/>
                <c:pt idx="0">
                  <c:v>Столбец1</c:v>
                </c:pt>
              </c:strCache>
            </c:strRef>
          </c:tx>
          <c:explosion val="25"/>
          <c:dLbls>
            <c:dLbl>
              <c:idx val="0"/>
              <c:layout>
                <c:manualLayout>
                  <c:x val="-6.4501478947480068E-2"/>
                  <c:y val="-0.233673504627711"/>
                </c:manualLayout>
              </c:layout>
              <c:numFmt formatCode="0.0%" sourceLinked="0"/>
              <c:spPr/>
              <c:txPr>
                <a:bodyPr/>
                <a:lstStyle/>
                <a:p>
                  <a:pPr>
                    <a:defRPr b="1"/>
                  </a:pPr>
                  <a:endParaRPr lang="ru-R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4EA3-435F-9E10-279A0643FD9B}"/>
                </c:ext>
              </c:extLst>
            </c:dLbl>
            <c:dLbl>
              <c:idx val="1"/>
              <c:layout>
                <c:manualLayout>
                  <c:x val="4.6152938018865226E-2"/>
                  <c:y val="0.14232648002333043"/>
                </c:manualLayout>
              </c:layout>
              <c:numFmt formatCode="0.0%" sourceLinked="0"/>
              <c:spPr/>
              <c:txPr>
                <a:bodyPr/>
                <a:lstStyle/>
                <a:p>
                  <a:pPr>
                    <a:defRPr b="1"/>
                  </a:pPr>
                  <a:endParaRPr lang="ru-R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4EA3-435F-9E10-279A0643FD9B}"/>
                </c:ext>
              </c:extLst>
            </c:dLbl>
            <c:dLbl>
              <c:idx val="2"/>
              <c:layout>
                <c:manualLayout>
                  <c:x val="-3.7077950359442682E-2"/>
                  <c:y val="2.1954653299194486E-2"/>
                </c:manualLayout>
              </c:layout>
              <c:numFmt formatCode="0.0%" sourceLinked="0"/>
              <c:spPr/>
              <c:txPr>
                <a:bodyPr/>
                <a:lstStyle/>
                <a:p>
                  <a:pPr>
                    <a:defRPr b="1"/>
                  </a:pPr>
                  <a:endParaRPr lang="ru-R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2-4EA3-435F-9E10-279A0643FD9B}"/>
                </c:ext>
              </c:extLst>
            </c:dLbl>
            <c:dLbl>
              <c:idx val="3"/>
              <c:layout>
                <c:manualLayout>
                  <c:x val="2.4661764726629475E-2"/>
                  <c:y val="-5.4994658272754807E-2"/>
                </c:manualLayout>
              </c:layout>
              <c:numFmt formatCode="0.0%" sourceLinked="0"/>
              <c:spPr/>
              <c:txPr>
                <a:bodyPr/>
                <a:lstStyle/>
                <a:p>
                  <a:pPr>
                    <a:defRPr b="1"/>
                  </a:pPr>
                  <a:endParaRPr lang="ru-R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4EA3-435F-9E10-279A0643FD9B}"/>
                </c:ext>
              </c:extLst>
            </c:dLbl>
            <c:dLbl>
              <c:idx val="4"/>
              <c:numFmt formatCode="0.0%" sourceLinked="0"/>
              <c:spPr/>
              <c:txPr>
                <a:bodyPr/>
                <a:lstStyle/>
                <a:p>
                  <a:pPr>
                    <a:defRPr b="1"/>
                  </a:pPr>
                  <a:endParaRPr lang="ru-RU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</c:dLbl>
            <c:numFmt formatCode="0.0%" sourceLinked="0"/>
            <c:spPr>
              <a:noFill/>
              <a:ln>
                <a:noFill/>
              </a:ln>
              <a:effectLst/>
            </c:sp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extLst xmlns:c16r2="http://schemas.microsoft.com/office/drawing/2015/06/chart">
              <c:ext xmlns:c15="http://schemas.microsoft.com/office/drawing/2012/chart" uri="{CE6537A1-D6FC-4f65-9D91-7224C49458BB}"/>
            </c:extLst>
          </c:dLbls>
          <c:cat>
            <c:strRef>
              <c:f>Лист1!$A$2:$A$6</c:f>
              <c:strCache>
                <c:ptCount val="5"/>
                <c:pt idx="0">
                  <c:v>МФ</c:v>
                </c:pt>
                <c:pt idx="1">
                  <c:v>СМ</c:v>
                </c:pt>
                <c:pt idx="2">
                  <c:v>иДПП4</c:v>
                </c:pt>
                <c:pt idx="3">
                  <c:v>иНГЛТ2</c:v>
                </c:pt>
                <c:pt idx="4">
                  <c:v>аГПП1</c:v>
                </c:pt>
              </c:strCache>
            </c:strRef>
          </c:cat>
          <c:val>
            <c:numRef>
              <c:f>Лист1!$B$2:$B$6</c:f>
              <c:numCache>
                <c:formatCode>0.00%</c:formatCode>
                <c:ptCount val="5"/>
                <c:pt idx="0" formatCode="0%">
                  <c:v>0.77100000000000002</c:v>
                </c:pt>
                <c:pt idx="1">
                  <c:v>0.42499999999999999</c:v>
                </c:pt>
                <c:pt idx="2">
                  <c:v>8.3000000000000004E-2</c:v>
                </c:pt>
                <c:pt idx="3">
                  <c:v>3.1E-2</c:v>
                </c:pt>
                <c:pt idx="4">
                  <c:v>5.0000000000000001E-4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5-4EA3-435F-9E10-279A0643FD9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</c:pie3DChart>
    </c:plotArea>
    <c:legend>
      <c:legendPos val="b"/>
      <c:layout/>
      <c:overlay val="0"/>
      <c:txPr>
        <a:bodyPr/>
        <a:lstStyle/>
        <a:p>
          <a:pPr>
            <a:defRPr sz="1200">
              <a:latin typeface="Verdana" pitchFamily="34" charset="0"/>
              <a:ea typeface="Verdana" pitchFamily="34" charset="0"/>
              <a:cs typeface="Verdana" pitchFamily="34" charset="0"/>
            </a:defRPr>
          </a:pPr>
          <a:endParaRPr lang="ru-RU"/>
        </a:p>
      </c:txPr>
    </c:legend>
    <c:plotVisOnly val="1"/>
    <c:dispBlanksAs val="gap"/>
    <c:showDLblsOverMax val="0"/>
  </c:chart>
  <c:txPr>
    <a:bodyPr/>
    <a:lstStyle/>
    <a:p>
      <a:pPr>
        <a:defRPr sz="1800"/>
      </a:pPr>
      <a:endParaRPr lang="ru-RU"/>
    </a:p>
  </c:txPr>
  <c:externalData r:id="rId1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2.3587934439870135E-2"/>
          <c:y val="0.11878792772677021"/>
          <c:w val="0.97528883058680271"/>
          <c:h val="0.82315228431692322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Лист1!$B$1</c:f>
              <c:strCache>
                <c:ptCount val="1"/>
                <c:pt idx="0">
                  <c:v>2016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numFmt formatCode="0.00%" sourceLinked="0"/>
            <c:spPr>
              <a:noFill/>
              <a:ln>
                <a:noFill/>
              </a:ln>
              <a:effectLst/>
            </c:spPr>
            <c:txPr>
              <a:bodyPr rot="-5400000" vert="horz"/>
              <a:lstStyle/>
              <a:p>
                <a:pPr>
                  <a:defRPr/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Лист1!$A$2:$A$7</c:f>
              <c:strCache>
                <c:ptCount val="6"/>
                <c:pt idx="0">
                  <c:v>Метформин</c:v>
                </c:pt>
                <c:pt idx="1">
                  <c:v>Сульфомочевина</c:v>
                </c:pt>
                <c:pt idx="2">
                  <c:v>ингибиторы ДПП-4</c:v>
                </c:pt>
                <c:pt idx="3">
                  <c:v>глифлозины</c:v>
                </c:pt>
                <c:pt idx="4">
                  <c:v>агонисты ГПП-1</c:v>
                </c:pt>
                <c:pt idx="5">
                  <c:v>инсулин</c:v>
                </c:pt>
              </c:strCache>
            </c:strRef>
          </c:cat>
          <c:val>
            <c:numRef>
              <c:f>Лист1!$B$2:$B$7</c:f>
              <c:numCache>
                <c:formatCode>0.00%</c:formatCode>
                <c:ptCount val="6"/>
                <c:pt idx="0">
                  <c:v>0.66300000000000003</c:v>
                </c:pt>
                <c:pt idx="1">
                  <c:v>0.48299999999999998</c:v>
                </c:pt>
                <c:pt idx="2">
                  <c:v>3.2000000000000001E-2</c:v>
                </c:pt>
                <c:pt idx="3">
                  <c:v>3.0000000000000001E-3</c:v>
                </c:pt>
                <c:pt idx="4">
                  <c:v>1E-4</c:v>
                </c:pt>
                <c:pt idx="5">
                  <c:v>0.187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35FD-45C1-A062-F53BB8D8F4AF}"/>
            </c:ext>
          </c:extLst>
        </c:ser>
        <c:ser>
          <c:idx val="1"/>
          <c:order val="1"/>
          <c:tx>
            <c:strRef>
              <c:f>Лист1!$C$1</c:f>
              <c:strCache>
                <c:ptCount val="1"/>
                <c:pt idx="0">
                  <c:v>2017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dLbls>
            <c:numFmt formatCode="0.00%" sourceLinked="0"/>
            <c:spPr>
              <a:noFill/>
              <a:ln>
                <a:noFill/>
              </a:ln>
              <a:effectLst/>
            </c:spPr>
            <c:txPr>
              <a:bodyPr rot="-5400000" vert="horz"/>
              <a:lstStyle/>
              <a:p>
                <a:pPr>
                  <a:defRPr/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Лист1!$A$2:$A$7</c:f>
              <c:strCache>
                <c:ptCount val="6"/>
                <c:pt idx="0">
                  <c:v>Метформин</c:v>
                </c:pt>
                <c:pt idx="1">
                  <c:v>Сульфомочевина</c:v>
                </c:pt>
                <c:pt idx="2">
                  <c:v>ингибиторы ДПП-4</c:v>
                </c:pt>
                <c:pt idx="3">
                  <c:v>глифлозины</c:v>
                </c:pt>
                <c:pt idx="4">
                  <c:v>агонисты ГПП-1</c:v>
                </c:pt>
                <c:pt idx="5">
                  <c:v>инсулин</c:v>
                </c:pt>
              </c:strCache>
            </c:strRef>
          </c:cat>
          <c:val>
            <c:numRef>
              <c:f>Лист1!$C$2:$C$7</c:f>
              <c:numCache>
                <c:formatCode>0.00%</c:formatCode>
                <c:ptCount val="6"/>
                <c:pt idx="0">
                  <c:v>0.71699999999999997</c:v>
                </c:pt>
                <c:pt idx="1">
                  <c:v>0.47499999999999998</c:v>
                </c:pt>
                <c:pt idx="2">
                  <c:v>5.5E-2</c:v>
                </c:pt>
                <c:pt idx="3">
                  <c:v>8.5000000000000006E-3</c:v>
                </c:pt>
                <c:pt idx="4">
                  <c:v>2.0000000000000001E-4</c:v>
                </c:pt>
                <c:pt idx="5">
                  <c:v>0.184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1-35FD-45C1-A062-F53BB8D8F4AF}"/>
            </c:ext>
          </c:extLst>
        </c:ser>
        <c:ser>
          <c:idx val="2"/>
          <c:order val="2"/>
          <c:tx>
            <c:strRef>
              <c:f>Лист1!$D$1</c:f>
              <c:strCache>
                <c:ptCount val="1"/>
                <c:pt idx="0">
                  <c:v>2018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dLbls>
            <c:numFmt formatCode="0.00%" sourceLinked="0"/>
            <c:spPr>
              <a:noFill/>
              <a:ln>
                <a:noFill/>
              </a:ln>
              <a:effectLst/>
            </c:spPr>
            <c:txPr>
              <a:bodyPr rot="-5400000" vert="horz"/>
              <a:lstStyle/>
              <a:p>
                <a:pPr>
                  <a:defRPr/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Лист1!$A$2:$A$7</c:f>
              <c:strCache>
                <c:ptCount val="6"/>
                <c:pt idx="0">
                  <c:v>Метформин</c:v>
                </c:pt>
                <c:pt idx="1">
                  <c:v>Сульфомочевина</c:v>
                </c:pt>
                <c:pt idx="2">
                  <c:v>ингибиторы ДПП-4</c:v>
                </c:pt>
                <c:pt idx="3">
                  <c:v>глифлозины</c:v>
                </c:pt>
                <c:pt idx="4">
                  <c:v>агонисты ГПП-1</c:v>
                </c:pt>
                <c:pt idx="5">
                  <c:v>инсулин</c:v>
                </c:pt>
              </c:strCache>
            </c:strRef>
          </c:cat>
          <c:val>
            <c:numRef>
              <c:f>Лист1!$D$2:$D$7</c:f>
              <c:numCache>
                <c:formatCode>0.00%</c:formatCode>
                <c:ptCount val="6"/>
                <c:pt idx="0">
                  <c:v>0.72699999999999998</c:v>
                </c:pt>
                <c:pt idx="1">
                  <c:v>0.45200000000000001</c:v>
                </c:pt>
                <c:pt idx="2">
                  <c:v>5.1999999999999998E-2</c:v>
                </c:pt>
                <c:pt idx="3">
                  <c:v>1.4E-2</c:v>
                </c:pt>
                <c:pt idx="4">
                  <c:v>1E-4</c:v>
                </c:pt>
                <c:pt idx="5">
                  <c:v>0.18140000000000001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2-35FD-45C1-A062-F53BB8D8F4AF}"/>
            </c:ext>
          </c:extLst>
        </c:ser>
        <c:ser>
          <c:idx val="3"/>
          <c:order val="3"/>
          <c:tx>
            <c:strRef>
              <c:f>Лист1!$E$1</c:f>
              <c:strCache>
                <c:ptCount val="1"/>
                <c:pt idx="0">
                  <c:v>2019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numFmt formatCode="0.00%" sourceLinked="0"/>
            <c:spPr>
              <a:noFill/>
              <a:ln>
                <a:noFill/>
              </a:ln>
              <a:effectLst/>
            </c:spPr>
            <c:txPr>
              <a:bodyPr rot="-5400000" vert="horz"/>
              <a:lstStyle/>
              <a:p>
                <a:pPr>
                  <a:defRPr/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Лист1!$A$2:$A$7</c:f>
              <c:strCache>
                <c:ptCount val="6"/>
                <c:pt idx="0">
                  <c:v>Метформин</c:v>
                </c:pt>
                <c:pt idx="1">
                  <c:v>Сульфомочевина</c:v>
                </c:pt>
                <c:pt idx="2">
                  <c:v>ингибиторы ДПП-4</c:v>
                </c:pt>
                <c:pt idx="3">
                  <c:v>глифлозины</c:v>
                </c:pt>
                <c:pt idx="4">
                  <c:v>агонисты ГПП-1</c:v>
                </c:pt>
                <c:pt idx="5">
                  <c:v>инсулин</c:v>
                </c:pt>
              </c:strCache>
            </c:strRef>
          </c:cat>
          <c:val>
            <c:numRef>
              <c:f>Лист1!$E$2:$E$7</c:f>
              <c:numCache>
                <c:formatCode>0.00%</c:formatCode>
                <c:ptCount val="6"/>
                <c:pt idx="0">
                  <c:v>0.77200000000000002</c:v>
                </c:pt>
                <c:pt idx="1">
                  <c:v>0.43</c:v>
                </c:pt>
                <c:pt idx="2">
                  <c:v>7.5999999999999998E-2</c:v>
                </c:pt>
                <c:pt idx="3">
                  <c:v>2.5999999999999999E-2</c:v>
                </c:pt>
                <c:pt idx="4">
                  <c:v>4.0000000000000002E-4</c:v>
                </c:pt>
                <c:pt idx="5">
                  <c:v>0.17799999999999999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EB13-40FE-B459-60804CFEE6A7}"/>
            </c:ext>
          </c:extLst>
        </c:ser>
        <c:ser>
          <c:idx val="4"/>
          <c:order val="4"/>
          <c:tx>
            <c:strRef>
              <c:f>Лист1!$F$1</c:f>
              <c:strCache>
                <c:ptCount val="1"/>
                <c:pt idx="0">
                  <c:v>2020</c:v>
                </c:pt>
              </c:strCache>
            </c:strRef>
          </c:tx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-5400000" vert="horz" wrap="square" lIns="38100" tIns="19050" rIns="38100" bIns="19050" anchor="ctr">
                <a:spAutoFit/>
              </a:bodyPr>
              <a:lstStyle/>
              <a:p>
                <a:pPr>
                  <a:defRPr/>
                </a:pPr>
                <a:endParaRPr lang="ru-RU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Лист1!$A$2:$A$7</c:f>
              <c:strCache>
                <c:ptCount val="6"/>
                <c:pt idx="0">
                  <c:v>Метформин</c:v>
                </c:pt>
                <c:pt idx="1">
                  <c:v>Сульфомочевина</c:v>
                </c:pt>
                <c:pt idx="2">
                  <c:v>ингибиторы ДПП-4</c:v>
                </c:pt>
                <c:pt idx="3">
                  <c:v>глифлозины</c:v>
                </c:pt>
                <c:pt idx="4">
                  <c:v>агонисты ГПП-1</c:v>
                </c:pt>
                <c:pt idx="5">
                  <c:v>инсулин</c:v>
                </c:pt>
              </c:strCache>
            </c:strRef>
          </c:cat>
          <c:val>
            <c:numRef>
              <c:f>Лист1!$F$2:$F$7</c:f>
              <c:numCache>
                <c:formatCode>0.00%</c:formatCode>
                <c:ptCount val="6"/>
                <c:pt idx="0">
                  <c:v>0.77100000000000002</c:v>
                </c:pt>
                <c:pt idx="1">
                  <c:v>0.42499999999999999</c:v>
                </c:pt>
                <c:pt idx="2">
                  <c:v>8.6999999999999994E-2</c:v>
                </c:pt>
                <c:pt idx="3">
                  <c:v>3.1E-2</c:v>
                </c:pt>
                <c:pt idx="4">
                  <c:v>5.9999999999999995E-4</c:v>
                </c:pt>
                <c:pt idx="5">
                  <c:v>0.17599999999999999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7800-456B-8A16-67E97A991015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444"/>
        <c:overlap val="-90"/>
        <c:axId val="97954432"/>
        <c:axId val="97976704"/>
      </c:barChart>
      <c:catAx>
        <c:axId val="9795443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vert="horz"/>
          <a:lstStyle/>
          <a:p>
            <a:pPr>
              <a:defRPr/>
            </a:pPr>
            <a:endParaRPr lang="ru-RU"/>
          </a:p>
        </c:txPr>
        <c:crossAx val="97976704"/>
        <c:crosses val="autoZero"/>
        <c:auto val="1"/>
        <c:lblAlgn val="ctr"/>
        <c:lblOffset val="100"/>
        <c:noMultiLvlLbl val="0"/>
      </c:catAx>
      <c:valAx>
        <c:axId val="97976704"/>
        <c:scaling>
          <c:orientation val="minMax"/>
        </c:scaling>
        <c:delete val="1"/>
        <c:axPos val="l"/>
        <c:numFmt formatCode="0%" sourceLinked="0"/>
        <c:majorTickMark val="none"/>
        <c:minorTickMark val="none"/>
        <c:tickLblPos val="nextTo"/>
        <c:crossAx val="9795443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ayout/>
      <c:overlay val="0"/>
      <c:spPr>
        <a:noFill/>
        <a:ln>
          <a:noFill/>
        </a:ln>
        <a:effectLst/>
      </c:spPr>
      <c:txPr>
        <a:bodyPr rot="0" vert="horz"/>
        <a:lstStyle/>
        <a:p>
          <a:pPr>
            <a:defRPr/>
          </a:pPr>
          <a:endParaRPr lang="ru-RU"/>
        </a:p>
      </c:txPr>
    </c:legend>
    <c:plotVisOnly val="1"/>
    <c:dispBlanksAs val="gap"/>
    <c:showDLblsOverMax val="0"/>
    <c:extLst xmlns:c16r2="http://schemas.microsoft.com/office/drawing/2015/06/chart"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</c:chart>
  <c:spPr>
    <a:noFill/>
    <a:ln>
      <a:noFill/>
    </a:ln>
    <a:effectLst/>
  </c:spPr>
  <c:txPr>
    <a:bodyPr/>
    <a:lstStyle/>
    <a:p>
      <a:pPr>
        <a:defRPr sz="1200">
          <a:latin typeface="Verdana" panose="020B0604030504040204" pitchFamily="34" charset="0"/>
          <a:ea typeface="Verdana" panose="020B0604030504040204" pitchFamily="34" charset="0"/>
        </a:defRPr>
      </a:pPr>
      <a:endParaRPr lang="ru-RU"/>
    </a:p>
  </c:txPr>
  <c:externalData r:id="rId1">
    <c:autoUpdate val="0"/>
  </c:externalData>
</c:chartSpace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</cdr:x>
      <cdr:y>0.10295</cdr:y>
    </cdr:from>
    <cdr:to>
      <cdr:x>0.03437</cdr:x>
      <cdr:y>0.76318</cdr:y>
    </cdr:to>
    <cdr:sp macro="" textlink="">
      <cdr:nvSpPr>
        <cdr:cNvPr id="2" name="TextovéPole 1"/>
        <cdr:cNvSpPr txBox="1"/>
      </cdr:nvSpPr>
      <cdr:spPr>
        <a:xfrm xmlns:a="http://schemas.openxmlformats.org/drawingml/2006/main" rot="16200000">
          <a:off x="-1413700" y="1902904"/>
          <a:ext cx="3137408" cy="310007"/>
        </a:xfrm>
        <a:prstGeom xmlns:a="http://schemas.openxmlformats.org/drawingml/2006/main" prst="rect">
          <a:avLst/>
        </a:prstGeom>
        <a:solidFill xmlns:a="http://schemas.openxmlformats.org/drawingml/2006/main">
          <a:schemeClr val="bg1"/>
        </a:solidFill>
      </cdr:spPr>
      <cdr:txBody>
        <a:bodyPr xmlns:a="http://schemas.openxmlformats.org/drawingml/2006/main" vertOverflow="clip" wrap="none" rtlCol="0"/>
        <a:lstStyle xmlns:a="http://schemas.openxmlformats.org/drawingml/2006/main"/>
        <a:p xmlns:a="http://schemas.openxmlformats.org/drawingml/2006/main">
          <a:pPr algn="ctr" rtl="0">
            <a:defRPr sz="2000" b="1" i="0" u="none" strike="noStrike" kern="1200" baseline="0">
              <a:solidFill>
                <a:srgbClr val="5A5A5A"/>
              </a:solidFill>
              <a:latin typeface="+mn-lt"/>
              <a:ea typeface="Tahoma" panose="020B0604030504040204" pitchFamily="34" charset="0"/>
              <a:cs typeface="Tahoma" panose="020B0604030504040204" pitchFamily="34" charset="0"/>
            </a:defRPr>
          </a:pPr>
          <a:r>
            <a:rPr lang="ru-RU" sz="2000" b="1" i="0" u="none" strike="noStrike" cap="none" baseline="0">
              <a:solidFill>
                <a:srgbClr val="5A5A5A"/>
              </a:solidFill>
              <a:effectLst/>
              <a:uFillTx/>
              <a:latin typeface="Arial"/>
            </a:rPr>
            <a:t>Пациенты с явлениями (%)</a:t>
          </a:r>
          <a:endParaRPr lang="cs-CZ" sz="2000" b="1" kern="1200">
            <a:solidFill>
              <a:schemeClr val="tx1"/>
            </a:solidFill>
            <a:ea typeface="Tahoma" panose="020B0604030504040204" pitchFamily="34" charset="0"/>
            <a:cs typeface="Tahoma" panose="020B0604030504040204" pitchFamily="34" charset="0"/>
          </a:endParaRPr>
        </a:p>
      </cdr:txBody>
    </cdr:sp>
  </cdr:relSizeAnchor>
  <cdr:relSizeAnchor xmlns:cdr="http://schemas.openxmlformats.org/drawingml/2006/chartDrawing">
    <cdr:from>
      <cdr:x>0.36959</cdr:x>
      <cdr:y>0.88729</cdr:y>
    </cdr:from>
    <cdr:to>
      <cdr:x>0.71747</cdr:x>
      <cdr:y>0.99999</cdr:y>
    </cdr:to>
    <cdr:sp macro="" textlink="">
      <cdr:nvSpPr>
        <cdr:cNvPr id="3" name="TextovéPole 1"/>
        <cdr:cNvSpPr txBox="1"/>
      </cdr:nvSpPr>
      <cdr:spPr>
        <a:xfrm xmlns:a="http://schemas.openxmlformats.org/drawingml/2006/main">
          <a:off x="3333242" y="4216400"/>
          <a:ext cx="3137408" cy="535559"/>
        </a:xfrm>
        <a:prstGeom xmlns:a="http://schemas.openxmlformats.org/drawingml/2006/main" prst="rect">
          <a:avLst/>
        </a:prstGeom>
        <a:solidFill xmlns:a="http://schemas.openxmlformats.org/drawingml/2006/main">
          <a:schemeClr val="bg1"/>
        </a:solidFill>
      </cdr:spPr>
      <cdr:txBody>
        <a:bodyPr xmlns:a="http://schemas.openxmlformats.org/drawingml/2006/main" wrap="non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 rtl="0">
            <a:defRPr sz="2000" b="1" i="0" u="none" strike="noStrike" kern="1200" baseline="0">
              <a:solidFill>
                <a:srgbClr val="5A5A5A"/>
              </a:solidFill>
              <a:latin typeface="+mn-lt"/>
              <a:ea typeface="Tahoma" panose="020B0604030504040204" pitchFamily="34" charset="0"/>
              <a:cs typeface="Tahoma" panose="020B0604030504040204" pitchFamily="34" charset="0"/>
            </a:defRPr>
          </a:pPr>
          <a:r>
            <a:rPr lang="ru-RU" sz="2000" b="1" i="0" u="none" strike="noStrike" cap="none" baseline="0">
              <a:solidFill>
                <a:srgbClr val="5A5A5A"/>
              </a:solidFill>
              <a:effectLst/>
              <a:uFillTx/>
              <a:latin typeface="Arial"/>
            </a:rPr>
            <a:t>Месяцы</a:t>
          </a:r>
          <a:endParaRPr lang="cs-CZ" sz="2000" b="1" kern="1200">
            <a:solidFill>
              <a:schemeClr val="tx1"/>
            </a:solidFill>
            <a:ea typeface="Tahoma" panose="020B0604030504040204" pitchFamily="34" charset="0"/>
            <a:cs typeface="Tahoma" panose="020B0604030504040204" pitchFamily="34" charset="0"/>
          </a:endParaRPr>
        </a:p>
      </cdr:txBody>
    </cdr:sp>
  </cdr:relSizeAnchor>
</c:userShape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73C49AB-42A2-F84A-B9F8-92F0D5F14EC7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CA410F-5576-ED46-B61A-071D2F5D1A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1652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189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377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566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754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943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914377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687388" y="1143000"/>
            <a:ext cx="5483225" cy="3084513"/>
          </a:xfrm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C6EA3833-365F-4F31-BB19-ABD05D7E57F3}" type="slidenum">
              <a:rPr kumimoji="0" lang="ru-RU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ＭＳ Ｐゴシック" pitchFamily="34" charset="-128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ru-RU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ＭＳ Ｐゴシック" pitchFamily="34" charset="-128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3178487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ru-RU" dirty="0" smtClean="0"/>
              <a:t>Мы в России можем возразить, что есть еще один мощный фактор</a:t>
            </a:r>
            <a:r>
              <a:rPr lang="ru-RU" baseline="0" dirty="0" smtClean="0"/>
              <a:t> </a:t>
            </a:r>
            <a:r>
              <a:rPr lang="ru-RU" baseline="0" dirty="0" err="1" smtClean="0"/>
              <a:t>неназначения</a:t>
            </a:r>
            <a:r>
              <a:rPr lang="ru-RU" baseline="0" dirty="0" smtClean="0"/>
              <a:t> инновационной терапии – деньги.</a:t>
            </a:r>
          </a:p>
          <a:p>
            <a:r>
              <a:rPr lang="ru-RU" baseline="0" dirty="0" smtClean="0"/>
              <a:t>Но- давно просчитано, что экономическое бремя осложнений, госпитализаций, смертей – гораздо тяжелее.</a:t>
            </a:r>
          </a:p>
          <a:p>
            <a:r>
              <a:rPr lang="ru-RU" baseline="0" dirty="0" smtClean="0"/>
              <a:t>Перед Вами лишь некоторые цифры.</a:t>
            </a:r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CA410F-5576-ED46-B61A-071D2F5D1A73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0764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buNone/>
              <a:defRPr/>
            </a:pPr>
            <a:r>
              <a:rPr lang="ru-RU" sz="1200" b="1" i="0" u="none" strike="noStrike" dirty="0" err="1">
                <a:solidFill>
                  <a:srgbClr val="009FDA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Консенсусный</a:t>
            </a:r>
            <a:r>
              <a:rPr lang="ru-RU" sz="1200" b="1" i="0" u="none" strike="noStrike" dirty="0">
                <a:solidFill>
                  <a:srgbClr val="009FDA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 отчет ADA/EASD за 2018 год (октябрь 2018 г.)   </a:t>
            </a:r>
          </a:p>
          <a:p>
            <a:pPr marL="118530" indent="-118530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defRPr/>
            </a:pPr>
            <a:r>
              <a:rPr lang="ru-RU" sz="1200" b="1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Рекомендация</a:t>
            </a:r>
            <a:r>
              <a:rPr lang="ru-RU" sz="1200" b="0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: Проводить оценку диагностированного ССЗ в качестве первого шага при принятии решения о назначении препарата второй линии. Применять АР ГПП-1 или ингибитор НГКТ-2 с доказанной пользой для СС системы</a:t>
            </a:r>
            <a:endParaRPr lang="en-US" sz="1200" baseline="30000" dirty="0">
              <a:solidFill>
                <a:srgbClr val="001965"/>
              </a:solidFill>
              <a:latin typeface="Verdana"/>
            </a:endParaRPr>
          </a:p>
          <a:p>
            <a:pPr marL="118530" indent="-118530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defRPr/>
            </a:pPr>
            <a:r>
              <a:rPr lang="ru-RU" sz="1200" b="1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Целевая популяция</a:t>
            </a:r>
            <a:r>
              <a:rPr lang="ru-RU" sz="1200" b="0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: Люди с сахарным диабетом 2 типа и диагностированным ССЗ</a:t>
            </a:r>
          </a:p>
          <a:p>
            <a:endParaRPr lang="en-GB" dirty="0"/>
          </a:p>
          <a:p>
            <a:pPr marL="0" indent="0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buNone/>
              <a:defRPr/>
            </a:pPr>
            <a:r>
              <a:rPr lang="ru-RU" sz="1200" b="1" i="0" u="none" strike="noStrike" dirty="0">
                <a:solidFill>
                  <a:srgbClr val="009FDA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Руководство ACC/AHA по первичной профилактике ССЗ за 2019 г. (март 2019 г.)</a:t>
            </a:r>
          </a:p>
          <a:p>
            <a:pPr marL="118530" indent="-118530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defRPr/>
            </a:pPr>
            <a:r>
              <a:rPr lang="ru-RU" sz="1200" b="1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Рекомендация: </a:t>
            </a:r>
            <a:r>
              <a:rPr lang="ru-RU" sz="1200" b="0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Назначение АР ГПП-1 или ингибитора НГКТ-2-2 в качестве терапии второй линии для улучшения контроля гликемии и снижения риска развития ССЗ</a:t>
            </a:r>
            <a:endParaRPr lang="en-US" sz="1200" baseline="30000" dirty="0">
              <a:solidFill>
                <a:srgbClr val="001965"/>
              </a:solidFill>
              <a:latin typeface="Verdana"/>
            </a:endParaRPr>
          </a:p>
          <a:p>
            <a:pPr marL="118530" indent="-118530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defRPr/>
            </a:pPr>
            <a:r>
              <a:rPr lang="ru-RU" sz="1200" b="1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Целевая популяция: </a:t>
            </a:r>
            <a:r>
              <a:rPr lang="ru-RU" sz="1200" b="0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Люди с сахарным диабетом 2 типа и риском развития АССЗ</a:t>
            </a:r>
          </a:p>
          <a:p>
            <a:endParaRPr lang="en-GB" dirty="0"/>
          </a:p>
          <a:p>
            <a:pPr marL="0" indent="0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buNone/>
              <a:defRPr/>
            </a:pPr>
            <a:r>
              <a:rPr lang="ru-RU" sz="1200" b="1" i="0" u="none" strike="noStrike" dirty="0">
                <a:solidFill>
                  <a:srgbClr val="009FDA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Руководство ESC по сахарному диабету, </a:t>
            </a:r>
            <a:r>
              <a:rPr lang="ru-RU" sz="1200" b="1" i="0" u="none" strike="noStrike" dirty="0" err="1">
                <a:solidFill>
                  <a:srgbClr val="009FDA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преддиабету</a:t>
            </a:r>
            <a:r>
              <a:rPr lang="ru-RU" sz="1200" b="1" i="0" u="none" strike="noStrike" dirty="0">
                <a:solidFill>
                  <a:srgbClr val="009FDA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 и ССЗ на 2019 год (август 2019 г.)</a:t>
            </a:r>
          </a:p>
          <a:p>
            <a:pPr marL="120648" indent="-120648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defRPr/>
            </a:pPr>
            <a:r>
              <a:rPr lang="ru-RU" sz="1200" b="1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Рекомендация: </a:t>
            </a:r>
            <a:r>
              <a:rPr lang="ru-RU" sz="1200" b="0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Назначение АР ГПП-1 или ингибитора НГКТ-2 в качестве терапии первой линии у пациентов, ранее не получавших препараты, и у пациентов, уже принимающих </a:t>
            </a:r>
            <a:r>
              <a:rPr lang="ru-RU" sz="1200" b="0" i="0" u="none" strike="noStrike" dirty="0" err="1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метформин</a:t>
            </a:r>
            <a:endParaRPr lang="en-US" sz="1200" baseline="30000" dirty="0">
              <a:solidFill>
                <a:srgbClr val="001965"/>
              </a:solidFill>
              <a:latin typeface="Verdana"/>
            </a:endParaRPr>
          </a:p>
          <a:p>
            <a:pPr marL="120648" indent="-120648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defRPr/>
            </a:pPr>
            <a:r>
              <a:rPr lang="ru-RU" sz="1200" b="1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Целевая популяция: </a:t>
            </a:r>
            <a:r>
              <a:rPr lang="ru-RU" sz="1200" b="0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Люди с сахарным диабетом 2 типа и АССЗ или высоким/очень высоким риском развития ССЗ</a:t>
            </a:r>
          </a:p>
          <a:p>
            <a:endParaRPr lang="en-GB" dirty="0"/>
          </a:p>
          <a:p>
            <a:pPr marL="0" indent="0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buNone/>
              <a:defRPr/>
            </a:pPr>
            <a:r>
              <a:rPr lang="ru-RU" sz="1200" b="1" i="0" u="none" strike="noStrike" dirty="0" err="1">
                <a:solidFill>
                  <a:srgbClr val="009FDA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Консенсусный</a:t>
            </a:r>
            <a:r>
              <a:rPr lang="ru-RU" sz="1200" b="1" i="0" u="none" strike="noStrike" dirty="0">
                <a:solidFill>
                  <a:srgbClr val="009FDA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 отчет ADA/EASD за 2019 год (декабрь 2019 г.)</a:t>
            </a:r>
          </a:p>
          <a:p>
            <a:pPr marL="118530" indent="-118530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defRPr/>
            </a:pPr>
            <a:r>
              <a:rPr lang="ru-RU" sz="1200" b="1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Рекомендация</a:t>
            </a:r>
            <a:r>
              <a:rPr lang="ru-RU" sz="1200" b="0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: Решение о назначении АР ГПП-1 или ингибиторов НГКТ-2 для снижения частоты больших сердечно-сосудистых событий, случаев госпитализации по поводу сердечной недостаточности, смерти по причине ССЗ или прогрессирования ХБП следует рассматривать без учета исходного показателя HbA1c</a:t>
            </a:r>
            <a:endParaRPr lang="en-US" sz="1200" baseline="30000" dirty="0">
              <a:solidFill>
                <a:srgbClr val="001965"/>
              </a:solidFill>
              <a:latin typeface="Verdana"/>
            </a:endParaRPr>
          </a:p>
          <a:p>
            <a:pPr marL="118530" indent="-118530" defTabSz="1219170" rtl="0">
              <a:lnSpc>
                <a:spcPct val="150000"/>
              </a:lnSpc>
              <a:spcBef>
                <a:spcPct val="0"/>
              </a:spcBef>
              <a:buClr>
                <a:srgbClr val="009FDA"/>
              </a:buClr>
              <a:defRPr/>
            </a:pPr>
            <a:r>
              <a:rPr lang="ru-RU" sz="1200" b="1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Целевая популяция</a:t>
            </a:r>
            <a:r>
              <a:rPr lang="ru-RU" sz="1200" b="0" i="0" u="none" strike="noStrike" dirty="0">
                <a:solidFill>
                  <a:srgbClr val="001965"/>
                </a:solidFill>
                <a:highlight>
                  <a:srgbClr val="000000">
                    <a:alpha val="0"/>
                  </a:srgbClr>
                </a:highlight>
                <a:latin typeface="Verdana"/>
              </a:rPr>
              <a:t>: лица из группы высокого риска с сахарным диабетом 2 типа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5477466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335B6D4-CA0A-434A-9788-0F7370FCC2F8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6268768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B99C056-27A3-4D88-8711-B7EA9C436D3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1062518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9888" y="439738"/>
            <a:ext cx="6057900" cy="3408362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ru-RU" dirty="0"/>
              <a:t>Итогом</a:t>
            </a:r>
            <a:r>
              <a:rPr lang="ru-RU" baseline="0" dirty="0"/>
              <a:t> (выводом) манускрипта стал призыв к переосмыслению алгоритмов для многофакторного управления </a:t>
            </a:r>
            <a:r>
              <a:rPr lang="ru-RU" baseline="0" dirty="0" err="1"/>
              <a:t>кардиоренальными</a:t>
            </a:r>
            <a:r>
              <a:rPr lang="ru-RU" baseline="0" dirty="0"/>
              <a:t> рисками независимо от уровня HbA1c.</a:t>
            </a:r>
          </a:p>
          <a:p>
            <a:r>
              <a:rPr lang="ru-RU" baseline="0" dirty="0"/>
              <a:t>Для любого пациента (с любым уровнем </a:t>
            </a:r>
            <a:r>
              <a:rPr lang="en-US" baseline="0" dirty="0"/>
              <a:t>HbA1c</a:t>
            </a:r>
            <a:r>
              <a:rPr lang="ru-RU" baseline="0" dirty="0"/>
              <a:t>) необходимо независимо рассматривать каждый фактор сердечно-сосудистого и почечного риска при каждом обследовании и обосновывать назначение лечения с доказанной </a:t>
            </a:r>
            <a:r>
              <a:rPr lang="ru-RU" baseline="0" dirty="0" err="1"/>
              <a:t>кардиоренальной</a:t>
            </a:r>
            <a:r>
              <a:rPr lang="ru-RU" baseline="0" dirty="0"/>
              <a:t> эффективностью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CD75ED0A-E718-BA45-A87A-A6ACBA5847C0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67242259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6CA410F-5576-ED46-B61A-071D2F5D1A73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826174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GB" sz="1200" kern="1200" dirty="0">
              <a:solidFill>
                <a:schemeClr val="tx1"/>
              </a:solidFill>
              <a:effectLst/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76E89B1-B476-4C59-A1AE-E6F2A1941AB8}" type="slidenum">
              <a:rPr kumimoji="0" lang="en-GB" sz="900" b="0" i="0" u="none" strike="noStrike" kern="1200" cap="none" spc="0" normalizeH="0" baseline="0" noProof="0" smtClean="0">
                <a:ln>
                  <a:noFill/>
                </a:ln>
                <a:solidFill>
                  <a:srgbClr val="001965"/>
                </a:solidFill>
                <a:effectLst/>
                <a:uLnTx/>
                <a:uFillTx/>
                <a:latin typeface="Verdana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6</a:t>
            </a:fld>
            <a:endParaRPr kumimoji="0" lang="en-GB" sz="900" b="0" i="0" u="none" strike="noStrike" kern="1200" cap="none" spc="0" normalizeH="0" baseline="0" noProof="0" dirty="0">
              <a:ln>
                <a:noFill/>
              </a:ln>
              <a:solidFill>
                <a:srgbClr val="001965"/>
              </a:solidFill>
              <a:effectLst/>
              <a:uLnTx/>
              <a:uFillTx/>
              <a:latin typeface="Verdana"/>
            </a:endParaRPr>
          </a:p>
        </p:txBody>
      </p:sp>
    </p:spTree>
    <p:extLst>
      <p:ext uri="{BB962C8B-B14F-4D97-AF65-F5344CB8AC3E}">
        <p14:creationId xmlns:p14="http://schemas.microsoft.com/office/powerpoint/2010/main" val="11583918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312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DD32985-F9BC-4CA3-9BC0-30DA5906E9C5}" type="slidenum">
              <a:rPr kumimoji="0" lang="ru-RU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312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9</a:t>
            </a:fld>
            <a:endParaRPr kumimoji="0" lang="ru-RU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2390293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3.xml"/><Relationship Id="rId1" Type="http://schemas.openxmlformats.org/officeDocument/2006/relationships/tags" Target="../tags/tag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6333" y="188640"/>
            <a:ext cx="11519339" cy="2140173"/>
          </a:xfrm>
        </p:spPr>
        <p:txBody>
          <a:bodyPr anchor="b">
            <a:normAutofit/>
          </a:bodyPr>
          <a:lstStyle>
            <a:lvl1pPr algn="ctr">
              <a:defRPr sz="48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13941" y="2420889"/>
            <a:ext cx="10164123" cy="1655763"/>
          </a:xfrm>
        </p:spPr>
        <p:txBody>
          <a:bodyPr/>
          <a:lstStyle>
            <a:lvl1pPr marL="0" indent="0" algn="ctr">
              <a:buNone/>
              <a:defRPr sz="3200">
                <a:solidFill>
                  <a:schemeClr val="tx2"/>
                </a:solidFill>
              </a:defRPr>
            </a:lvl1pPr>
            <a:lvl2pPr marL="609203" indent="0" algn="ctr">
              <a:buNone/>
              <a:defRPr sz="2667"/>
            </a:lvl2pPr>
            <a:lvl3pPr marL="1218450" indent="0" algn="ctr">
              <a:buNone/>
              <a:defRPr sz="2400"/>
            </a:lvl3pPr>
            <a:lvl4pPr marL="1827666" indent="0" algn="ctr">
              <a:buNone/>
              <a:defRPr sz="2133"/>
            </a:lvl4pPr>
            <a:lvl5pPr marL="2436898" indent="0" algn="ctr">
              <a:buNone/>
              <a:defRPr sz="2133"/>
            </a:lvl5pPr>
            <a:lvl6pPr marL="3046100" indent="0" algn="ctr">
              <a:buNone/>
              <a:defRPr sz="2133"/>
            </a:lvl6pPr>
            <a:lvl7pPr marL="3655303" indent="0" algn="ctr">
              <a:buNone/>
              <a:defRPr sz="2133"/>
            </a:lvl7pPr>
            <a:lvl8pPr marL="4264533" indent="0" algn="ctr">
              <a:buNone/>
              <a:defRPr sz="2133"/>
            </a:lvl8pPr>
            <a:lvl9pPr marL="4873751" indent="0" algn="ctr">
              <a:buNone/>
              <a:defRPr sz="2133"/>
            </a:lvl9pPr>
          </a:lstStyle>
          <a:p>
            <a:r>
              <a:rPr lang="en-US"/>
              <a:t>Click to edit Master subtitle style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>
            <a:clrChange>
              <a:clrFrom>
                <a:srgbClr val="FFFEFC"/>
              </a:clrFrom>
              <a:clrTo>
                <a:srgbClr val="FFFEFC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09088" y="4293096"/>
            <a:ext cx="6973824" cy="21945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580555"/>
      </p:ext>
    </p:extLst>
  </p:cSld>
  <p:clrMapOvr>
    <a:masterClrMapping/>
  </p:clrMapOvr>
  <p:transition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(to be avoide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0870371"/>
      </p:ext>
    </p:extLst>
  </p:cSld>
  <p:clrMapOvr>
    <a:masterClrMapping/>
  </p:clrMapOvr>
  <p:transition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our palette - referenc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="" xmlns:a16="http://schemas.microsoft.com/office/drawing/2014/main" id="{46E17D81-1DEB-4EB3-8910-13E792DD1DC4}"/>
              </a:ext>
            </a:extLst>
          </p:cNvPr>
          <p:cNvGrpSpPr/>
          <p:nvPr userDrawn="1"/>
        </p:nvGrpSpPr>
        <p:grpSpPr>
          <a:xfrm>
            <a:off x="7391275" y="2246625"/>
            <a:ext cx="4464396" cy="2890787"/>
            <a:chOff x="4572443" y="1938345"/>
            <a:chExt cx="3348297" cy="2168090"/>
          </a:xfrm>
        </p:grpSpPr>
        <p:sp>
          <p:nvSpPr>
            <p:cNvPr id="31" name="Rectangle 30"/>
            <p:cNvSpPr/>
            <p:nvPr userDrawn="1"/>
          </p:nvSpPr>
          <p:spPr>
            <a:xfrm>
              <a:off x="4572443" y="1952984"/>
              <a:ext cx="468000" cy="4680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36000" rIns="36000" rtlCol="0" anchor="ctr"/>
            <a:lstStyle/>
            <a:p>
              <a:pPr algn="ctr"/>
              <a:endParaRPr lang="en-GB" sz="2133" b="1">
                <a:solidFill>
                  <a:srgbClr val="FFFFFF"/>
                </a:solidFill>
              </a:endParaRPr>
            </a:p>
          </p:txBody>
        </p:sp>
        <p:sp>
          <p:nvSpPr>
            <p:cNvPr id="32" name="TextBox 31"/>
            <p:cNvSpPr txBox="1"/>
            <p:nvPr userDrawn="1"/>
          </p:nvSpPr>
          <p:spPr>
            <a:xfrm>
              <a:off x="5108593" y="1938345"/>
              <a:ext cx="2814957" cy="46532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ru-RU" sz="1867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R100 G130 B195</a:t>
              </a:r>
              <a:r>
                <a:rPr sz="2133"/>
                <a:t/>
              </a:r>
              <a:br>
                <a:rPr sz="2133"/>
              </a:br>
              <a:r>
                <a:rPr lang="ru-RU" sz="1600" b="1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(заголовки, эмпаглифлозин 25 мг)</a:t>
              </a:r>
            </a:p>
          </p:txBody>
        </p:sp>
        <p:sp>
          <p:nvSpPr>
            <p:cNvPr id="33" name="Rectangle 32"/>
            <p:cNvSpPr/>
            <p:nvPr userDrawn="1"/>
          </p:nvSpPr>
          <p:spPr>
            <a:xfrm>
              <a:off x="4572443" y="3076618"/>
              <a:ext cx="468000" cy="4680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133" b="1">
                <a:solidFill>
                  <a:srgbClr val="FFFFFF"/>
                </a:solidFill>
              </a:endParaRPr>
            </a:p>
          </p:txBody>
        </p:sp>
        <p:sp>
          <p:nvSpPr>
            <p:cNvPr id="34" name="TextBox 33"/>
            <p:cNvSpPr txBox="1"/>
            <p:nvPr userDrawn="1"/>
          </p:nvSpPr>
          <p:spPr>
            <a:xfrm>
              <a:off x="5108594" y="3062847"/>
              <a:ext cx="2814958" cy="46532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ru-RU" sz="1867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R67 G172 B153</a:t>
              </a:r>
            </a:p>
            <a:p>
              <a:r>
                <a:rPr lang="ru-RU" sz="1600" b="1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(эмпаглифлозин 10 мг)</a:t>
              </a:r>
            </a:p>
          </p:txBody>
        </p:sp>
        <p:sp>
          <p:nvSpPr>
            <p:cNvPr id="35" name="Rectangle 34"/>
            <p:cNvSpPr/>
            <p:nvPr userDrawn="1"/>
          </p:nvSpPr>
          <p:spPr>
            <a:xfrm>
              <a:off x="4572447" y="2514801"/>
              <a:ext cx="468000" cy="46800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133" b="1">
                <a:solidFill>
                  <a:srgbClr val="FFFFFF"/>
                </a:solidFill>
              </a:endParaRPr>
            </a:p>
          </p:txBody>
        </p:sp>
        <p:sp>
          <p:nvSpPr>
            <p:cNvPr id="36" name="TextBox 35"/>
            <p:cNvSpPr txBox="1"/>
            <p:nvPr userDrawn="1"/>
          </p:nvSpPr>
          <p:spPr>
            <a:xfrm>
              <a:off x="5108594" y="2500597"/>
              <a:ext cx="2814957" cy="6483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ru-RU" sz="1867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R240 G65 B75</a:t>
              </a:r>
              <a:r>
                <a:rPr sz="2133"/>
                <a:t/>
              </a:r>
              <a:br>
                <a:rPr sz="2133"/>
              </a:br>
              <a:r>
                <a:rPr lang="ru-RU" sz="1600" b="1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(эмпаглифлозин, совокупные данные)</a:t>
              </a:r>
            </a:p>
          </p:txBody>
        </p:sp>
        <p:sp>
          <p:nvSpPr>
            <p:cNvPr id="37" name="Rectangle 36"/>
            <p:cNvSpPr/>
            <p:nvPr userDrawn="1"/>
          </p:nvSpPr>
          <p:spPr>
            <a:xfrm>
              <a:off x="4572443" y="3638435"/>
              <a:ext cx="468000" cy="468000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133" b="1">
                <a:solidFill>
                  <a:srgbClr val="FFFFFF"/>
                </a:solidFill>
              </a:endParaRPr>
            </a:p>
          </p:txBody>
        </p:sp>
        <p:sp>
          <p:nvSpPr>
            <p:cNvPr id="38" name="TextBox 37"/>
            <p:cNvSpPr txBox="1"/>
            <p:nvPr userDrawn="1"/>
          </p:nvSpPr>
          <p:spPr>
            <a:xfrm>
              <a:off x="5108594" y="3625098"/>
              <a:ext cx="2814958" cy="46532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ru-RU" sz="1867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R130 G130 B130</a:t>
              </a:r>
              <a:r>
                <a:rPr sz="1867"/>
                <a:t/>
              </a:r>
              <a:br>
                <a:rPr sz="1867"/>
              </a:br>
              <a:r>
                <a:rPr lang="ru-RU" sz="1600" b="1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(плацебо)</a:t>
              </a:r>
            </a:p>
          </p:txBody>
        </p:sp>
      </p:grpSp>
      <p:pic>
        <p:nvPicPr>
          <p:cNvPr id="23" name="Picture 2" descr="image003">
            <a:extLst>
              <a:ext uri="{FF2B5EF4-FFF2-40B4-BE49-F238E27FC236}">
                <a16:creationId xmlns="" xmlns:a16="http://schemas.microsoft.com/office/drawing/2014/main" id="{E13F5D61-AF22-438C-974B-E8787010F8B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25" t="2276" r="827" b="24615"/>
          <a:stretch>
            <a:fillRect/>
          </a:stretch>
        </p:blipFill>
        <p:spPr bwMode="auto">
          <a:xfrm>
            <a:off x="1854260" y="3770662"/>
            <a:ext cx="2552701" cy="170460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" name="TextBox 29">
            <a:extLst>
              <a:ext uri="{FF2B5EF4-FFF2-40B4-BE49-F238E27FC236}">
                <a16:creationId xmlns="" xmlns:a16="http://schemas.microsoft.com/office/drawing/2014/main" id="{D1600F6A-E95E-4F07-94F4-F4948EA936DF}"/>
              </a:ext>
            </a:extLst>
          </p:cNvPr>
          <p:cNvSpPr txBox="1"/>
          <p:nvPr userDrawn="1"/>
        </p:nvSpPr>
        <p:spPr>
          <a:xfrm>
            <a:off x="2670689" y="1343093"/>
            <a:ext cx="2935765" cy="894961"/>
          </a:xfrm>
          <a:prstGeom prst="rect">
            <a:avLst/>
          </a:prstGeom>
          <a:noFill/>
        </p:spPr>
        <p:txBody>
          <a:bodyPr wrap="square" lIns="121856" tIns="60928" rIns="121856" bIns="60928" rtlCol="0">
            <a:spAutoFit/>
          </a:bodyPr>
          <a:lstStyle/>
          <a:p>
            <a:r>
              <a:rPr lang="ru-RU" sz="1867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Текст 1 </a:t>
            </a:r>
            <a:r>
              <a:rPr lang="ru-RU" sz="1867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90 G90 B90</a:t>
            </a:r>
            <a:r>
              <a:rPr sz="1600"/>
              <a:t/>
            </a:r>
            <a:br>
              <a:rPr sz="1600"/>
            </a:br>
            <a:r>
              <a:rPr lang="ru-RU" sz="16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подзаголовки, основной текст, оси координат)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="" xmlns:a16="http://schemas.microsoft.com/office/drawing/2014/main" id="{E4C9AE1B-A903-43C2-A795-00BBC54FFEE2}"/>
              </a:ext>
            </a:extLst>
          </p:cNvPr>
          <p:cNvSpPr txBox="1"/>
          <p:nvPr userDrawn="1"/>
        </p:nvSpPr>
        <p:spPr>
          <a:xfrm>
            <a:off x="1002539" y="5797174"/>
            <a:ext cx="2935765" cy="1139045"/>
          </a:xfrm>
          <a:prstGeom prst="rect">
            <a:avLst/>
          </a:prstGeom>
          <a:noFill/>
        </p:spPr>
        <p:txBody>
          <a:bodyPr wrap="square" lIns="121856" tIns="60928" rIns="121856" bIns="60928" rtlCol="0">
            <a:spAutoFit/>
          </a:bodyPr>
          <a:lstStyle/>
          <a:p>
            <a:pPr>
              <a:defRPr/>
            </a:pPr>
            <a:r>
              <a:rPr lang="ru-RU" sz="1867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156 G156 B156</a:t>
            </a:r>
            <a:endParaRPr lang="en-GB" sz="1867" b="1">
              <a:solidFill>
                <a:srgbClr val="5A5A5A"/>
              </a:solidFill>
            </a:endParaRPr>
          </a:p>
          <a:p>
            <a:r>
              <a:rPr lang="ru-RU" sz="16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подстрочные примечания, номера слайдов)</a:t>
            </a:r>
          </a:p>
        </p:txBody>
      </p:sp>
      <p:sp>
        <p:nvSpPr>
          <p:cNvPr id="43" name="Slide Number Placeholder 2">
            <a:extLst>
              <a:ext uri="{FF2B5EF4-FFF2-40B4-BE49-F238E27FC236}">
                <a16:creationId xmlns="" xmlns:a16="http://schemas.microsoft.com/office/drawing/2014/main" id="{56F90FEA-A3CE-4EEA-8B85-CDF6946004DA}"/>
              </a:ext>
            </a:extLst>
          </p:cNvPr>
          <p:cNvSpPr>
            <a:spLocks noGrp="1"/>
          </p:cNvSpPr>
          <p:nvPr userDrawn="1">
            <p:ph type="sldNum" sz="quarter" idx="14"/>
          </p:nvPr>
        </p:nvSpPr>
        <p:spPr>
          <a:xfrm>
            <a:off x="10944832" y="6576733"/>
            <a:ext cx="1247168" cy="212643"/>
          </a:xfrm>
        </p:spPr>
        <p:txBody>
          <a:bodyPr/>
          <a:lstStyle/>
          <a:p>
            <a:fld id="{4AD7133C-5F9C-4F7F-9637-3E296898A784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="" xmlns:a16="http://schemas.microsoft.com/office/drawing/2014/main" id="{59405BAA-E3C2-4D45-93FC-AF3FF59A4A54}"/>
              </a:ext>
            </a:extLst>
          </p:cNvPr>
          <p:cNvSpPr/>
          <p:nvPr userDrawn="1"/>
        </p:nvSpPr>
        <p:spPr bwMode="auto">
          <a:xfrm>
            <a:off x="3169687" y="4115395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="" xmlns:a16="http://schemas.microsoft.com/office/drawing/2014/main" id="{383EA3FF-D710-4C6B-861B-3BF82E60092E}"/>
              </a:ext>
            </a:extLst>
          </p:cNvPr>
          <p:cNvSpPr/>
          <p:nvPr userDrawn="1"/>
        </p:nvSpPr>
        <p:spPr bwMode="auto">
          <a:xfrm>
            <a:off x="2400507" y="4770473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="" xmlns:a16="http://schemas.microsoft.com/office/drawing/2014/main" id="{0715B812-8C48-4E7E-AA3B-2465CBCAC619}"/>
              </a:ext>
            </a:extLst>
          </p:cNvPr>
          <p:cNvSpPr/>
          <p:nvPr userDrawn="1"/>
        </p:nvSpPr>
        <p:spPr bwMode="auto">
          <a:xfrm>
            <a:off x="3427512" y="4115395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="" xmlns:a16="http://schemas.microsoft.com/office/drawing/2014/main" id="{3602F9E4-01B6-4D9F-BAD6-9953EC1F5DBE}"/>
              </a:ext>
            </a:extLst>
          </p:cNvPr>
          <p:cNvSpPr/>
          <p:nvPr userDrawn="1"/>
        </p:nvSpPr>
        <p:spPr bwMode="auto">
          <a:xfrm>
            <a:off x="3675308" y="4115395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  <p:sp>
        <p:nvSpPr>
          <p:cNvPr id="9" name="Freeform: Shape 8">
            <a:extLst>
              <a:ext uri="{FF2B5EF4-FFF2-40B4-BE49-F238E27FC236}">
                <a16:creationId xmlns="" xmlns:a16="http://schemas.microsoft.com/office/drawing/2014/main" id="{0968FB13-150A-43BE-B0F5-4B0652FA6367}"/>
              </a:ext>
            </a:extLst>
          </p:cNvPr>
          <p:cNvSpPr/>
          <p:nvPr userDrawn="1"/>
        </p:nvSpPr>
        <p:spPr bwMode="auto">
          <a:xfrm>
            <a:off x="3017769" y="2550840"/>
            <a:ext cx="4373537" cy="1565073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>
              <a:solidFill>
                <a:srgbClr val="5A5A5A"/>
              </a:solidFill>
            </a:endParaRPr>
          </a:p>
        </p:txBody>
      </p:sp>
      <p:sp>
        <p:nvSpPr>
          <p:cNvPr id="45" name="Freeform: Shape 44">
            <a:extLst>
              <a:ext uri="{FF2B5EF4-FFF2-40B4-BE49-F238E27FC236}">
                <a16:creationId xmlns="" xmlns:a16="http://schemas.microsoft.com/office/drawing/2014/main" id="{4A67BDFD-60FC-4EF8-89FD-47A4D638B655}"/>
              </a:ext>
            </a:extLst>
          </p:cNvPr>
          <p:cNvSpPr/>
          <p:nvPr userDrawn="1"/>
        </p:nvSpPr>
        <p:spPr bwMode="auto">
          <a:xfrm>
            <a:off x="3280607" y="3319427"/>
            <a:ext cx="4409872" cy="803281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>
              <a:solidFill>
                <a:srgbClr val="5A5A5A"/>
              </a:solidFill>
            </a:endParaRPr>
          </a:p>
        </p:txBody>
      </p:sp>
      <p:sp>
        <p:nvSpPr>
          <p:cNvPr id="46" name="Freeform: Shape 45">
            <a:extLst>
              <a:ext uri="{FF2B5EF4-FFF2-40B4-BE49-F238E27FC236}">
                <a16:creationId xmlns="" xmlns:a16="http://schemas.microsoft.com/office/drawing/2014/main" id="{416FE7B7-4A0A-469E-9589-DB2CDB50C715}"/>
              </a:ext>
            </a:extLst>
          </p:cNvPr>
          <p:cNvSpPr/>
          <p:nvPr userDrawn="1"/>
        </p:nvSpPr>
        <p:spPr bwMode="auto">
          <a:xfrm>
            <a:off x="3580017" y="3927583"/>
            <a:ext cx="3811259" cy="177473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>
              <a:solidFill>
                <a:srgbClr val="5A5A5A"/>
              </a:solidFill>
            </a:endParaRPr>
          </a:p>
        </p:txBody>
      </p:sp>
      <p:sp>
        <p:nvSpPr>
          <p:cNvPr id="47" name="Freeform: Shape 46">
            <a:extLst>
              <a:ext uri="{FF2B5EF4-FFF2-40B4-BE49-F238E27FC236}">
                <a16:creationId xmlns="" xmlns:a16="http://schemas.microsoft.com/office/drawing/2014/main" id="{7A4FBE92-4AAB-4C8A-A07D-96C482975165}"/>
              </a:ext>
            </a:extLst>
          </p:cNvPr>
          <p:cNvSpPr/>
          <p:nvPr userDrawn="1"/>
        </p:nvSpPr>
        <p:spPr bwMode="auto">
          <a:xfrm flipV="1">
            <a:off x="3769716" y="4311675"/>
            <a:ext cx="3621557" cy="387412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>
              <a:solidFill>
                <a:srgbClr val="5A5A5A"/>
              </a:solidFill>
            </a:endParaRPr>
          </a:p>
        </p:txBody>
      </p:sp>
      <p:sp>
        <p:nvSpPr>
          <p:cNvPr id="49" name="Rectangle 48">
            <a:extLst>
              <a:ext uri="{FF2B5EF4-FFF2-40B4-BE49-F238E27FC236}">
                <a16:creationId xmlns="" xmlns:a16="http://schemas.microsoft.com/office/drawing/2014/main" id="{9E9E65FE-9727-4530-BB51-9BF303BB7F89}"/>
              </a:ext>
            </a:extLst>
          </p:cNvPr>
          <p:cNvSpPr/>
          <p:nvPr userDrawn="1"/>
        </p:nvSpPr>
        <p:spPr bwMode="auto">
          <a:xfrm>
            <a:off x="2915969" y="4105083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  <p:sp>
        <p:nvSpPr>
          <p:cNvPr id="50" name="Freeform: Shape 49">
            <a:extLst>
              <a:ext uri="{FF2B5EF4-FFF2-40B4-BE49-F238E27FC236}">
                <a16:creationId xmlns="" xmlns:a16="http://schemas.microsoft.com/office/drawing/2014/main" id="{00EF6E0A-BD35-4362-9657-E4BEAAE2B13B}"/>
              </a:ext>
            </a:extLst>
          </p:cNvPr>
          <p:cNvSpPr/>
          <p:nvPr userDrawn="1"/>
        </p:nvSpPr>
        <p:spPr bwMode="auto">
          <a:xfrm rot="5400000" flipV="1">
            <a:off x="1822172" y="5216696"/>
            <a:ext cx="902401" cy="258496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>
              <a:solidFill>
                <a:srgbClr val="5A5A5A"/>
              </a:solidFill>
            </a:endParaRPr>
          </a:p>
        </p:txBody>
      </p:sp>
      <p:sp>
        <p:nvSpPr>
          <p:cNvPr id="55" name="Freeform: Shape 54">
            <a:extLst>
              <a:ext uri="{FF2B5EF4-FFF2-40B4-BE49-F238E27FC236}">
                <a16:creationId xmlns="" xmlns:a16="http://schemas.microsoft.com/office/drawing/2014/main" id="{2806731E-BA78-4331-B1FC-E8065802104C}"/>
              </a:ext>
            </a:extLst>
          </p:cNvPr>
          <p:cNvSpPr/>
          <p:nvPr userDrawn="1"/>
        </p:nvSpPr>
        <p:spPr bwMode="auto">
          <a:xfrm rot="5400000" flipV="1">
            <a:off x="1234945" y="2723803"/>
            <a:ext cx="2375099" cy="387412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>
              <a:solidFill>
                <a:srgbClr val="5A5A5A"/>
              </a:solidFill>
            </a:endParaRPr>
          </a:p>
        </p:txBody>
      </p:sp>
      <p:sp>
        <p:nvSpPr>
          <p:cNvPr id="56" name="Rectangle 55">
            <a:extLst>
              <a:ext uri="{FF2B5EF4-FFF2-40B4-BE49-F238E27FC236}">
                <a16:creationId xmlns="" xmlns:a16="http://schemas.microsoft.com/office/drawing/2014/main" id="{2445E781-0703-4409-88B4-0180697D2008}"/>
              </a:ext>
            </a:extLst>
          </p:cNvPr>
          <p:cNvSpPr/>
          <p:nvPr userDrawn="1"/>
        </p:nvSpPr>
        <p:spPr bwMode="auto">
          <a:xfrm>
            <a:off x="2144125" y="4113703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7027634"/>
      </p:ext>
    </p:extLst>
  </p:cSld>
  <p:clrMapOvr>
    <a:masterClrMapping/>
  </p:clrMapOvr>
  <p:transition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/>
          <p:cNvSpPr>
            <a:spLocks noGrp="1"/>
          </p:cNvSpPr>
          <p:nvPr>
            <p:ph sz="quarter" idx="11"/>
          </p:nvPr>
        </p:nvSpPr>
        <p:spPr>
          <a:xfrm>
            <a:off x="609600" y="1372800"/>
            <a:ext cx="10972800" cy="41712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609607" y="163200"/>
            <a:ext cx="11247967" cy="914400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Slide Number Placeholder 1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3CE978CD-8200-452B-A882-54D258D61118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pPr>
                <a:defRPr/>
              </a:p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cxnSp>
        <p:nvCxnSpPr>
          <p:cNvPr id="11" name="Straight Connector 10"/>
          <p:cNvCxnSpPr/>
          <p:nvPr userDrawn="1"/>
        </p:nvCxnSpPr>
        <p:spPr>
          <a:xfrm>
            <a:off x="0" y="114723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72794682"/>
      </p:ext>
    </p:extLst>
  </p:cSld>
  <p:clrMapOvr>
    <a:masterClrMapping/>
  </p:clrMapOvr>
  <p:transition/>
  <p:hf hdr="0" dt="0"/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ection Head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572835" y="3412800"/>
            <a:ext cx="7735823" cy="1036800"/>
          </a:xfrm>
        </p:spPr>
        <p:txBody>
          <a:bodyPr/>
          <a:lstStyle>
            <a:lvl1pPr marL="0" marR="0" indent="0" algn="l" defTabSz="609203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/>
              <a:buNone/>
              <a:defRPr sz="2400">
                <a:solidFill>
                  <a:schemeClr val="accent2"/>
                </a:solidFill>
              </a:defRPr>
            </a:lvl1pPr>
          </a:lstStyle>
          <a:p>
            <a:pPr marL="0" marR="0" lvl="0" indent="0" algn="l" defTabSz="609203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/>
              <a:buNone/>
              <a:defRPr/>
            </a:pPr>
            <a:r>
              <a:rPr lang="en-US"/>
              <a:t>Click to edit Master subtitle style</a:t>
            </a:r>
          </a:p>
          <a:p>
            <a:pPr lvl="0"/>
            <a:endParaRPr lang="en-GB"/>
          </a:p>
        </p:txBody>
      </p:sp>
      <p:sp>
        <p:nvSpPr>
          <p:cNvPr id="19" name="Title 18"/>
          <p:cNvSpPr>
            <a:spLocks noGrp="1"/>
          </p:cNvSpPr>
          <p:nvPr>
            <p:ph type="title"/>
          </p:nvPr>
        </p:nvSpPr>
        <p:spPr>
          <a:xfrm>
            <a:off x="572835" y="2164800"/>
            <a:ext cx="7735823" cy="1166400"/>
          </a:xfrm>
        </p:spPr>
        <p:txBody>
          <a:bodyPr anchor="b" anchorCtr="0"/>
          <a:lstStyle>
            <a:lvl1pPr>
              <a:defRPr sz="3733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 hasCustomPrompt="1"/>
          </p:nvPr>
        </p:nvSpPr>
        <p:spPr>
          <a:xfrm>
            <a:off x="572834" y="4533123"/>
            <a:ext cx="7751233" cy="383116"/>
          </a:xfrm>
        </p:spPr>
        <p:txBody>
          <a:bodyPr anchor="b" anchorCtr="0"/>
          <a:lstStyle>
            <a:lvl1pPr marL="0" indent="0">
              <a:buNone/>
              <a:defRPr sz="1867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 sz="1867"/>
              <a:t>Date of prep goes here if required</a:t>
            </a:r>
            <a:endParaRPr lang="en-GB"/>
          </a:p>
        </p:txBody>
      </p:sp>
      <p:cxnSp>
        <p:nvCxnSpPr>
          <p:cNvPr id="17" name="Straight Connector 16"/>
          <p:cNvCxnSpPr/>
          <p:nvPr userDrawn="1"/>
        </p:nvCxnSpPr>
        <p:spPr>
          <a:xfrm>
            <a:off x="0" y="114723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 userDrawn="1"/>
        </p:nvCxnSpPr>
        <p:spPr>
          <a:xfrm>
            <a:off x="0" y="5974500"/>
            <a:ext cx="12192000" cy="0"/>
          </a:xfrm>
          <a:prstGeom prst="line">
            <a:avLst/>
          </a:prstGeom>
          <a:ln w="3175" cmpd="sng">
            <a:solidFill>
              <a:srgbClr val="333333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95090969"/>
      </p:ext>
    </p:extLst>
  </p:cSld>
  <p:clrMapOvr>
    <a:masterClrMapping/>
  </p:clrMapOvr>
  <p:transition/>
  <p:hf hdr="0" dt="0"/>
  <p:extLst>
    <p:ext uri="{DCECCB84-F9BA-43D5-87BE-67443E8EF086}">
      <p15:sldGuideLst xmlns="" xmlns:p15="http://schemas.microsoft.com/office/powerpoint/2012/main">
        <p15:guide id="1" pos="2880">
          <p15:clr>
            <a:srgbClr val="FBAE40"/>
          </p15:clr>
        </p15:guide>
        <p15:guide id="2" orient="horz" pos="1620">
          <p15:clr>
            <a:srgbClr val="FBAE40"/>
          </p15:clr>
        </p15:guide>
        <p15:guide id="3" orient="horz" pos="2935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lank (to be avoide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3CE978CD-8200-452B-A882-54D258D61118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pPr>
                <a:defRPr/>
              </a:p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6" name="Title 4">
            <a:extLst>
              <a:ext uri="{FF2B5EF4-FFF2-40B4-BE49-F238E27FC236}">
                <a16:creationId xmlns="" xmlns:a16="http://schemas.microsoft.com/office/drawing/2014/main" id="{49B360BA-13CB-4982-BAFB-F5CB646A57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7" y="163200"/>
            <a:ext cx="11247967" cy="914400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49198445"/>
      </p:ext>
    </p:extLst>
  </p:cSld>
  <p:clrMapOvr>
    <a:masterClrMapping/>
  </p:clrMapOvr>
  <p:transition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36333" y="188640"/>
            <a:ext cx="11519339" cy="2140173"/>
          </a:xfrm>
        </p:spPr>
        <p:txBody>
          <a:bodyPr anchor="b">
            <a:normAutofit/>
          </a:bodyPr>
          <a:lstStyle>
            <a:lvl1pPr algn="ctr">
              <a:defRPr sz="48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13941" y="2420889"/>
            <a:ext cx="10164123" cy="1655763"/>
          </a:xfrm>
        </p:spPr>
        <p:txBody>
          <a:bodyPr/>
          <a:lstStyle>
            <a:lvl1pPr marL="0" indent="0" algn="ctr">
              <a:buNone/>
              <a:defRPr sz="3200">
                <a:solidFill>
                  <a:schemeClr val="tx2"/>
                </a:solidFill>
              </a:defRPr>
            </a:lvl1pPr>
            <a:lvl2pPr marL="609203" indent="0" algn="ctr">
              <a:buNone/>
              <a:defRPr sz="2667"/>
            </a:lvl2pPr>
            <a:lvl3pPr marL="1218450" indent="0" algn="ctr">
              <a:buNone/>
              <a:defRPr sz="2400"/>
            </a:lvl3pPr>
            <a:lvl4pPr marL="1827666" indent="0" algn="ctr">
              <a:buNone/>
              <a:defRPr sz="2133"/>
            </a:lvl4pPr>
            <a:lvl5pPr marL="2436898" indent="0" algn="ctr">
              <a:buNone/>
              <a:defRPr sz="2133"/>
            </a:lvl5pPr>
            <a:lvl6pPr marL="3046100" indent="0" algn="ctr">
              <a:buNone/>
              <a:defRPr sz="2133"/>
            </a:lvl6pPr>
            <a:lvl7pPr marL="3655303" indent="0" algn="ctr">
              <a:buNone/>
              <a:defRPr sz="2133"/>
            </a:lvl7pPr>
            <a:lvl8pPr marL="4264533" indent="0" algn="ctr">
              <a:buNone/>
              <a:defRPr sz="2133"/>
            </a:lvl8pPr>
            <a:lvl9pPr marL="4873751" indent="0" algn="ctr">
              <a:buNone/>
              <a:defRPr sz="2133"/>
            </a:lvl9pPr>
          </a:lstStyle>
          <a:p>
            <a:r>
              <a:rPr lang="en-US"/>
              <a:t>Click to edit Master subtitle style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>
            <a:clrChange>
              <a:clrFrom>
                <a:srgbClr val="FFFEFC"/>
              </a:clrFrom>
              <a:clrTo>
                <a:srgbClr val="FFFEFC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09088" y="4293096"/>
            <a:ext cx="6973824" cy="21945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8751557"/>
      </p:ext>
    </p:extLst>
  </p:cSld>
  <p:clrMapOvr>
    <a:masterClrMapping/>
  </p:clrMapOvr>
  <p:transition/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50"/>
            <a:ext cx="10515600" cy="2852737"/>
          </a:xfrm>
        </p:spPr>
        <p:txBody>
          <a:bodyPr anchor="b">
            <a:normAutofit/>
          </a:bodyPr>
          <a:lstStyle>
            <a:lvl1pPr>
              <a:defRPr sz="42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831851" y="4589467"/>
            <a:ext cx="10515600" cy="1191796"/>
          </a:xfrm>
        </p:spPr>
        <p:txBody>
          <a:bodyPr/>
          <a:lstStyle>
            <a:lvl1pPr marL="0" indent="0">
              <a:buNone/>
              <a:defRPr sz="3733">
                <a:solidFill>
                  <a:schemeClr val="tx2"/>
                </a:solidFill>
              </a:defRPr>
            </a:lvl1pPr>
            <a:lvl2pPr marL="609203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845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7666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689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610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530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453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3751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051821965"/>
      </p:ext>
    </p:extLst>
  </p:cSld>
  <p:clrMapOvr>
    <a:masterClrMapping/>
  </p:clrMapOvr>
  <p:transition/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6"/>
          </p:nvPr>
        </p:nvSpPr>
        <p:spPr>
          <a:xfrm>
            <a:off x="336000" y="1988840"/>
            <a:ext cx="11520000" cy="374236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7" hasCustomPrompt="1"/>
          </p:nvPr>
        </p:nvSpPr>
        <p:spPr>
          <a:xfrm>
            <a:off x="336000" y="1329601"/>
            <a:ext cx="11520000" cy="611235"/>
          </a:xfrm>
        </p:spPr>
        <p:txBody>
          <a:bodyPr/>
          <a:lstStyle>
            <a:lvl1pPr marL="0" indent="0">
              <a:buNone/>
              <a:defRPr b="1" baseline="0"/>
            </a:lvl1pPr>
          </a:lstStyle>
          <a:p>
            <a:pPr lvl="0"/>
            <a:r>
              <a:rPr lang="en-GB"/>
              <a:t>Click to edit subtitle</a:t>
            </a:r>
          </a:p>
        </p:txBody>
      </p:sp>
    </p:spTree>
    <p:extLst>
      <p:ext uri="{BB962C8B-B14F-4D97-AF65-F5344CB8AC3E}">
        <p14:creationId xmlns:p14="http://schemas.microsoft.com/office/powerpoint/2010/main" val="783722805"/>
      </p:ext>
    </p:extLst>
  </p:cSld>
  <p:clrMapOvr>
    <a:masterClrMapping/>
  </p:clrMapOvr>
  <p:transition/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6"/>
          </p:nvPr>
        </p:nvSpPr>
        <p:spPr>
          <a:xfrm>
            <a:off x="336000" y="1339200"/>
            <a:ext cx="11520000" cy="439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07274756"/>
      </p:ext>
    </p:extLst>
  </p:cSld>
  <p:clrMapOvr>
    <a:masterClrMapping/>
  </p:clrMapOvr>
  <p:transition/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7" hasCustomPrompt="1"/>
          </p:nvPr>
        </p:nvSpPr>
        <p:spPr>
          <a:xfrm>
            <a:off x="336000" y="1329601"/>
            <a:ext cx="11520000" cy="611235"/>
          </a:xfrm>
        </p:spPr>
        <p:txBody>
          <a:bodyPr/>
          <a:lstStyle>
            <a:lvl1pPr marL="0" indent="0">
              <a:buNone/>
              <a:defRPr b="1" baseline="0"/>
            </a:lvl1pPr>
          </a:lstStyle>
          <a:p>
            <a:pPr lvl="0"/>
            <a:r>
              <a:rPr lang="en-GB"/>
              <a:t>Click to edit subtitle</a:t>
            </a:r>
          </a:p>
        </p:txBody>
      </p:sp>
    </p:spTree>
    <p:extLst>
      <p:ext uri="{BB962C8B-B14F-4D97-AF65-F5344CB8AC3E}">
        <p14:creationId xmlns:p14="http://schemas.microsoft.com/office/powerpoint/2010/main" val="3531109192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50"/>
            <a:ext cx="10515600" cy="2852737"/>
          </a:xfrm>
        </p:spPr>
        <p:txBody>
          <a:bodyPr anchor="b">
            <a:normAutofit/>
          </a:bodyPr>
          <a:lstStyle>
            <a:lvl1pPr>
              <a:defRPr sz="4267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831851" y="4589467"/>
            <a:ext cx="10515600" cy="1191796"/>
          </a:xfrm>
        </p:spPr>
        <p:txBody>
          <a:bodyPr/>
          <a:lstStyle>
            <a:lvl1pPr marL="0" indent="0">
              <a:buNone/>
              <a:defRPr sz="3733">
                <a:solidFill>
                  <a:schemeClr val="tx2"/>
                </a:solidFill>
              </a:defRPr>
            </a:lvl1pPr>
            <a:lvl2pPr marL="609203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2pPr>
            <a:lvl3pPr marL="121845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3pPr>
            <a:lvl4pPr marL="1827666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4pPr>
            <a:lvl5pPr marL="2436898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5pPr>
            <a:lvl6pPr marL="304610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6pPr>
            <a:lvl7pPr marL="365530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7pPr>
            <a:lvl8pPr marL="4264533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8pPr>
            <a:lvl9pPr marL="4873751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73402417"/>
      </p:ext>
    </p:extLst>
  </p:cSld>
  <p:clrMapOvr>
    <a:masterClrMapping/>
  </p:clrMapOvr>
  <p:transition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07071616"/>
      </p:ext>
    </p:extLst>
  </p:cSld>
  <p:clrMapOvr>
    <a:masterClrMapping/>
  </p:clrMapOvr>
  <p:transition/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5"/>
          </p:nvPr>
        </p:nvSpPr>
        <p:spPr>
          <a:xfrm>
            <a:off x="336000" y="1339200"/>
            <a:ext cx="5683200" cy="439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Content Placeholder 7"/>
          <p:cNvSpPr>
            <a:spLocks noGrp="1"/>
          </p:cNvSpPr>
          <p:nvPr>
            <p:ph sz="quarter" idx="16"/>
          </p:nvPr>
        </p:nvSpPr>
        <p:spPr>
          <a:xfrm>
            <a:off x="6172800" y="1339200"/>
            <a:ext cx="5683200" cy="439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06773715"/>
      </p:ext>
    </p:extLst>
  </p:cSld>
  <p:clrMapOvr>
    <a:masterClrMapping/>
  </p:clrMapOvr>
  <p:transition/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5"/>
          </p:nvPr>
        </p:nvSpPr>
        <p:spPr>
          <a:xfrm>
            <a:off x="336000" y="1988840"/>
            <a:ext cx="5683200" cy="374236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7" hasCustomPrompt="1"/>
          </p:nvPr>
        </p:nvSpPr>
        <p:spPr>
          <a:xfrm>
            <a:off x="336000" y="1329601"/>
            <a:ext cx="11520000" cy="611235"/>
          </a:xfrm>
        </p:spPr>
        <p:txBody>
          <a:bodyPr/>
          <a:lstStyle>
            <a:lvl1pPr marL="0" indent="0">
              <a:buNone/>
              <a:defRPr b="1" baseline="0"/>
            </a:lvl1pPr>
          </a:lstStyle>
          <a:p>
            <a:pPr lvl="0"/>
            <a:r>
              <a:rPr lang="en-GB"/>
              <a:t>Click to edit subtitle</a:t>
            </a:r>
          </a:p>
        </p:txBody>
      </p:sp>
      <p:sp>
        <p:nvSpPr>
          <p:cNvPr id="10" name="Content Placeholder 7"/>
          <p:cNvSpPr>
            <a:spLocks noGrp="1"/>
          </p:cNvSpPr>
          <p:nvPr>
            <p:ph sz="quarter" idx="18"/>
          </p:nvPr>
        </p:nvSpPr>
        <p:spPr>
          <a:xfrm>
            <a:off x="6172469" y="1988840"/>
            <a:ext cx="5683200" cy="374236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34670253"/>
      </p:ext>
    </p:extLst>
  </p:cSld>
  <p:clrMapOvr>
    <a:masterClrMapping/>
  </p:clrMapOvr>
  <p:transition/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3"/>
          </p:nvPr>
        </p:nvSpPr>
        <p:spPr>
          <a:xfrm>
            <a:off x="336000" y="1339200"/>
            <a:ext cx="11520000" cy="4392000"/>
          </a:xfrm>
        </p:spPr>
        <p:txBody>
          <a:bodyPr/>
          <a:lstStyle/>
          <a:p>
            <a:r>
              <a:rPr lang="en-US"/>
              <a:t>Click icon to add table</a:t>
            </a:r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40459308"/>
      </p:ext>
    </p:extLst>
  </p:cSld>
  <p:clrMapOvr>
    <a:masterClrMapping/>
  </p:clrMapOvr>
  <p:transition/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(to be avoide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36376126"/>
      </p:ext>
    </p:extLst>
  </p:cSld>
  <p:clrMapOvr>
    <a:masterClrMapping/>
  </p:clrMapOvr>
  <p:transition/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our palette - referenc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="" xmlns:a16="http://schemas.microsoft.com/office/drawing/2014/main" id="{46E17D81-1DEB-4EB3-8910-13E792DD1DC4}"/>
              </a:ext>
            </a:extLst>
          </p:cNvPr>
          <p:cNvGrpSpPr/>
          <p:nvPr userDrawn="1"/>
        </p:nvGrpSpPr>
        <p:grpSpPr>
          <a:xfrm>
            <a:off x="7391275" y="2246625"/>
            <a:ext cx="4464396" cy="2890787"/>
            <a:chOff x="4572443" y="1938345"/>
            <a:chExt cx="3348297" cy="2168090"/>
          </a:xfrm>
        </p:grpSpPr>
        <p:sp>
          <p:nvSpPr>
            <p:cNvPr id="31" name="Rectangle 30"/>
            <p:cNvSpPr/>
            <p:nvPr userDrawn="1"/>
          </p:nvSpPr>
          <p:spPr>
            <a:xfrm>
              <a:off x="4572443" y="1952984"/>
              <a:ext cx="468000" cy="468000"/>
            </a:xfrm>
            <a:prstGeom prst="rect">
              <a:avLst/>
            </a:prstGeom>
            <a:solidFill>
              <a:schemeClr val="accent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36000" rIns="36000" rtlCol="0" anchor="ctr"/>
            <a:lstStyle/>
            <a:p>
              <a:pPr algn="ctr"/>
              <a:endParaRPr lang="en-GB" sz="2133" b="1">
                <a:solidFill>
                  <a:schemeClr val="bg1"/>
                </a:solidFill>
              </a:endParaRPr>
            </a:p>
          </p:txBody>
        </p:sp>
        <p:sp>
          <p:nvSpPr>
            <p:cNvPr id="32" name="TextBox 31"/>
            <p:cNvSpPr txBox="1"/>
            <p:nvPr userDrawn="1"/>
          </p:nvSpPr>
          <p:spPr>
            <a:xfrm>
              <a:off x="5108593" y="1938345"/>
              <a:ext cx="2814957" cy="46532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ru-RU" sz="1867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R100 G130 B195</a:t>
              </a:r>
              <a:r>
                <a:rPr sz="2133"/>
                <a:t/>
              </a:r>
              <a:br>
                <a:rPr sz="2133"/>
              </a:br>
              <a:r>
                <a:rPr lang="ru-RU" sz="1600" b="1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(заголовки, эмпаглифлозин 25 мг)</a:t>
              </a:r>
            </a:p>
          </p:txBody>
        </p:sp>
        <p:sp>
          <p:nvSpPr>
            <p:cNvPr id="33" name="Rectangle 32"/>
            <p:cNvSpPr/>
            <p:nvPr userDrawn="1"/>
          </p:nvSpPr>
          <p:spPr>
            <a:xfrm>
              <a:off x="4572443" y="3076618"/>
              <a:ext cx="468000" cy="468000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133" b="1">
                <a:solidFill>
                  <a:schemeClr val="bg1"/>
                </a:solidFill>
              </a:endParaRPr>
            </a:p>
          </p:txBody>
        </p:sp>
        <p:sp>
          <p:nvSpPr>
            <p:cNvPr id="34" name="TextBox 33"/>
            <p:cNvSpPr txBox="1"/>
            <p:nvPr userDrawn="1"/>
          </p:nvSpPr>
          <p:spPr>
            <a:xfrm>
              <a:off x="5108594" y="3062847"/>
              <a:ext cx="2814958" cy="46532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ru-RU" sz="1867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R67 G172 B153</a:t>
              </a:r>
            </a:p>
            <a:p>
              <a:r>
                <a:rPr lang="ru-RU" sz="1600" b="1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(эмпаглифлозин 10 мг)</a:t>
              </a:r>
            </a:p>
          </p:txBody>
        </p:sp>
        <p:sp>
          <p:nvSpPr>
            <p:cNvPr id="35" name="Rectangle 34"/>
            <p:cNvSpPr/>
            <p:nvPr userDrawn="1"/>
          </p:nvSpPr>
          <p:spPr>
            <a:xfrm>
              <a:off x="4572447" y="2514801"/>
              <a:ext cx="468000" cy="468000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133" b="1">
                <a:solidFill>
                  <a:schemeClr val="bg1"/>
                </a:solidFill>
              </a:endParaRPr>
            </a:p>
          </p:txBody>
        </p:sp>
        <p:sp>
          <p:nvSpPr>
            <p:cNvPr id="36" name="TextBox 35"/>
            <p:cNvSpPr txBox="1"/>
            <p:nvPr userDrawn="1"/>
          </p:nvSpPr>
          <p:spPr>
            <a:xfrm>
              <a:off x="5108594" y="2500597"/>
              <a:ext cx="2814957" cy="6483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ru-RU" sz="1867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R240 G65 B75</a:t>
              </a:r>
              <a:r>
                <a:rPr sz="2133"/>
                <a:t/>
              </a:r>
              <a:br>
                <a:rPr sz="2133"/>
              </a:br>
              <a:r>
                <a:rPr lang="ru-RU" sz="1600" b="1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(эмпаглифлозин, совокупные данные)</a:t>
              </a:r>
            </a:p>
          </p:txBody>
        </p:sp>
        <p:sp>
          <p:nvSpPr>
            <p:cNvPr id="37" name="Rectangle 36"/>
            <p:cNvSpPr/>
            <p:nvPr userDrawn="1"/>
          </p:nvSpPr>
          <p:spPr>
            <a:xfrm>
              <a:off x="4572443" y="3638435"/>
              <a:ext cx="468000" cy="468000"/>
            </a:xfrm>
            <a:prstGeom prst="rect">
              <a:avLst/>
            </a:prstGeom>
            <a:solidFill>
              <a:schemeClr val="accent4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133" b="1">
                <a:solidFill>
                  <a:schemeClr val="bg1"/>
                </a:solidFill>
              </a:endParaRPr>
            </a:p>
          </p:txBody>
        </p:sp>
        <p:sp>
          <p:nvSpPr>
            <p:cNvPr id="38" name="TextBox 37"/>
            <p:cNvSpPr txBox="1"/>
            <p:nvPr userDrawn="1"/>
          </p:nvSpPr>
          <p:spPr>
            <a:xfrm>
              <a:off x="5108594" y="3625098"/>
              <a:ext cx="2814958" cy="46532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ru-RU" sz="1867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R130 G130 B130</a:t>
              </a:r>
              <a:r>
                <a:rPr sz="1867"/>
                <a:t/>
              </a:r>
              <a:br>
                <a:rPr sz="1867"/>
              </a:br>
              <a:r>
                <a:rPr lang="ru-RU" sz="1600" b="1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(плацебо)</a:t>
              </a:r>
            </a:p>
          </p:txBody>
        </p:sp>
      </p:grpSp>
      <p:pic>
        <p:nvPicPr>
          <p:cNvPr id="23" name="Picture 2" descr="image003">
            <a:extLst>
              <a:ext uri="{FF2B5EF4-FFF2-40B4-BE49-F238E27FC236}">
                <a16:creationId xmlns="" xmlns:a16="http://schemas.microsoft.com/office/drawing/2014/main" id="{E13F5D61-AF22-438C-974B-E8787010F8B8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25" t="2276" r="827" b="24615"/>
          <a:stretch>
            <a:fillRect/>
          </a:stretch>
        </p:blipFill>
        <p:spPr bwMode="auto">
          <a:xfrm>
            <a:off x="1854260" y="3770662"/>
            <a:ext cx="2552701" cy="170460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" name="TextBox 29">
            <a:extLst>
              <a:ext uri="{FF2B5EF4-FFF2-40B4-BE49-F238E27FC236}">
                <a16:creationId xmlns="" xmlns:a16="http://schemas.microsoft.com/office/drawing/2014/main" id="{D1600F6A-E95E-4F07-94F4-F4948EA936DF}"/>
              </a:ext>
            </a:extLst>
          </p:cNvPr>
          <p:cNvSpPr txBox="1"/>
          <p:nvPr userDrawn="1"/>
        </p:nvSpPr>
        <p:spPr>
          <a:xfrm>
            <a:off x="2670689" y="1343093"/>
            <a:ext cx="2935765" cy="894961"/>
          </a:xfrm>
          <a:prstGeom prst="rect">
            <a:avLst/>
          </a:prstGeom>
          <a:noFill/>
        </p:spPr>
        <p:txBody>
          <a:bodyPr wrap="square" lIns="121856" tIns="60928" rIns="121856" bIns="60928" rtlCol="0">
            <a:spAutoFit/>
          </a:bodyPr>
          <a:lstStyle/>
          <a:p>
            <a:r>
              <a:rPr lang="ru-RU" sz="1867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Текст 1 </a:t>
            </a:r>
            <a:r>
              <a:rPr lang="ru-RU" sz="1867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90 G90 B90</a:t>
            </a:r>
            <a:r>
              <a:rPr sz="1600"/>
              <a:t/>
            </a:r>
            <a:br>
              <a:rPr sz="1600"/>
            </a:br>
            <a:r>
              <a:rPr lang="ru-RU" sz="16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подзаголовки, основной текст, оси координат)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="" xmlns:a16="http://schemas.microsoft.com/office/drawing/2014/main" id="{E4C9AE1B-A903-43C2-A795-00BBC54FFEE2}"/>
              </a:ext>
            </a:extLst>
          </p:cNvPr>
          <p:cNvSpPr txBox="1"/>
          <p:nvPr userDrawn="1"/>
        </p:nvSpPr>
        <p:spPr>
          <a:xfrm>
            <a:off x="1002539" y="5797174"/>
            <a:ext cx="2935765" cy="1139045"/>
          </a:xfrm>
          <a:prstGeom prst="rect">
            <a:avLst/>
          </a:prstGeom>
          <a:noFill/>
        </p:spPr>
        <p:txBody>
          <a:bodyPr wrap="square" lIns="121856" tIns="60928" rIns="121856" bIns="60928" rtlCol="0">
            <a:spAutoFit/>
          </a:bodyPr>
          <a:lstStyle/>
          <a:p>
            <a:pPr marL="0" marR="0" indent="0" algn="l" defTabSz="609203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defRPr/>
            </a:pPr>
            <a:r>
              <a:rPr lang="ru-RU" sz="1867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156 G156 B156</a:t>
            </a:r>
            <a:endParaRPr lang="en-GB" sz="1867" b="1">
              <a:solidFill>
                <a:schemeClr val="tx2"/>
              </a:solidFill>
            </a:endParaRPr>
          </a:p>
          <a:p>
            <a:r>
              <a:rPr lang="ru-RU" sz="16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подстрочные примечания, номера слайдов)</a:t>
            </a:r>
          </a:p>
        </p:txBody>
      </p:sp>
      <p:sp>
        <p:nvSpPr>
          <p:cNvPr id="43" name="Slide Number Placeholder 2">
            <a:extLst>
              <a:ext uri="{FF2B5EF4-FFF2-40B4-BE49-F238E27FC236}">
                <a16:creationId xmlns="" xmlns:a16="http://schemas.microsoft.com/office/drawing/2014/main" id="{56F90FEA-A3CE-4EEA-8B85-CDF6946004DA}"/>
              </a:ext>
            </a:extLst>
          </p:cNvPr>
          <p:cNvSpPr>
            <a:spLocks noGrp="1"/>
          </p:cNvSpPr>
          <p:nvPr userDrawn="1">
            <p:ph type="sldNum" sz="quarter" idx="14"/>
          </p:nvPr>
        </p:nvSpPr>
        <p:spPr>
          <a:xfrm>
            <a:off x="10944832" y="6576733"/>
            <a:ext cx="1247168" cy="212643"/>
          </a:xfrm>
        </p:spPr>
        <p:txBody>
          <a:bodyPr/>
          <a:lstStyle/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  <p:sp>
        <p:nvSpPr>
          <p:cNvPr id="5" name="Rectangle 4">
            <a:extLst>
              <a:ext uri="{FF2B5EF4-FFF2-40B4-BE49-F238E27FC236}">
                <a16:creationId xmlns="" xmlns:a16="http://schemas.microsoft.com/office/drawing/2014/main" id="{59405BAA-E3C2-4D45-93FC-AF3FF59A4A54}"/>
              </a:ext>
            </a:extLst>
          </p:cNvPr>
          <p:cNvSpPr/>
          <p:nvPr userDrawn="1"/>
        </p:nvSpPr>
        <p:spPr bwMode="auto">
          <a:xfrm>
            <a:off x="3169687" y="4115395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="" xmlns:a16="http://schemas.microsoft.com/office/drawing/2014/main" id="{383EA3FF-D710-4C6B-861B-3BF82E60092E}"/>
              </a:ext>
            </a:extLst>
          </p:cNvPr>
          <p:cNvSpPr/>
          <p:nvPr userDrawn="1"/>
        </p:nvSpPr>
        <p:spPr bwMode="auto">
          <a:xfrm>
            <a:off x="2400507" y="4770473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="" xmlns:a16="http://schemas.microsoft.com/office/drawing/2014/main" id="{0715B812-8C48-4E7E-AA3B-2465CBCAC619}"/>
              </a:ext>
            </a:extLst>
          </p:cNvPr>
          <p:cNvSpPr/>
          <p:nvPr userDrawn="1"/>
        </p:nvSpPr>
        <p:spPr bwMode="auto">
          <a:xfrm>
            <a:off x="3427512" y="4115395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="" xmlns:a16="http://schemas.microsoft.com/office/drawing/2014/main" id="{3602F9E4-01B6-4D9F-BAD6-9953EC1F5DBE}"/>
              </a:ext>
            </a:extLst>
          </p:cNvPr>
          <p:cNvSpPr/>
          <p:nvPr userDrawn="1"/>
        </p:nvSpPr>
        <p:spPr bwMode="auto">
          <a:xfrm>
            <a:off x="3675308" y="4115395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  <p:sp>
        <p:nvSpPr>
          <p:cNvPr id="9" name="Freeform: Shape 8">
            <a:extLst>
              <a:ext uri="{FF2B5EF4-FFF2-40B4-BE49-F238E27FC236}">
                <a16:creationId xmlns="" xmlns:a16="http://schemas.microsoft.com/office/drawing/2014/main" id="{0968FB13-150A-43BE-B0F5-4B0652FA6367}"/>
              </a:ext>
            </a:extLst>
          </p:cNvPr>
          <p:cNvSpPr/>
          <p:nvPr userDrawn="1"/>
        </p:nvSpPr>
        <p:spPr bwMode="auto">
          <a:xfrm>
            <a:off x="3017769" y="2550840"/>
            <a:ext cx="4373537" cy="1565073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/>
          </a:p>
        </p:txBody>
      </p:sp>
      <p:sp>
        <p:nvSpPr>
          <p:cNvPr id="45" name="Freeform: Shape 44">
            <a:extLst>
              <a:ext uri="{FF2B5EF4-FFF2-40B4-BE49-F238E27FC236}">
                <a16:creationId xmlns="" xmlns:a16="http://schemas.microsoft.com/office/drawing/2014/main" id="{4A67BDFD-60FC-4EF8-89FD-47A4D638B655}"/>
              </a:ext>
            </a:extLst>
          </p:cNvPr>
          <p:cNvSpPr/>
          <p:nvPr userDrawn="1"/>
        </p:nvSpPr>
        <p:spPr bwMode="auto">
          <a:xfrm>
            <a:off x="3280607" y="3319427"/>
            <a:ext cx="4409872" cy="803281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/>
          </a:p>
        </p:txBody>
      </p:sp>
      <p:sp>
        <p:nvSpPr>
          <p:cNvPr id="46" name="Freeform: Shape 45">
            <a:extLst>
              <a:ext uri="{FF2B5EF4-FFF2-40B4-BE49-F238E27FC236}">
                <a16:creationId xmlns="" xmlns:a16="http://schemas.microsoft.com/office/drawing/2014/main" id="{416FE7B7-4A0A-469E-9589-DB2CDB50C715}"/>
              </a:ext>
            </a:extLst>
          </p:cNvPr>
          <p:cNvSpPr/>
          <p:nvPr userDrawn="1"/>
        </p:nvSpPr>
        <p:spPr bwMode="auto">
          <a:xfrm>
            <a:off x="3580017" y="3927583"/>
            <a:ext cx="3811259" cy="177473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/>
          </a:p>
        </p:txBody>
      </p:sp>
      <p:sp>
        <p:nvSpPr>
          <p:cNvPr id="47" name="Freeform: Shape 46">
            <a:extLst>
              <a:ext uri="{FF2B5EF4-FFF2-40B4-BE49-F238E27FC236}">
                <a16:creationId xmlns="" xmlns:a16="http://schemas.microsoft.com/office/drawing/2014/main" id="{7A4FBE92-4AAB-4C8A-A07D-96C482975165}"/>
              </a:ext>
            </a:extLst>
          </p:cNvPr>
          <p:cNvSpPr/>
          <p:nvPr userDrawn="1"/>
        </p:nvSpPr>
        <p:spPr bwMode="auto">
          <a:xfrm flipV="1">
            <a:off x="3769716" y="4311675"/>
            <a:ext cx="3621557" cy="387412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/>
          </a:p>
        </p:txBody>
      </p:sp>
      <p:sp>
        <p:nvSpPr>
          <p:cNvPr id="49" name="Rectangle 48">
            <a:extLst>
              <a:ext uri="{FF2B5EF4-FFF2-40B4-BE49-F238E27FC236}">
                <a16:creationId xmlns="" xmlns:a16="http://schemas.microsoft.com/office/drawing/2014/main" id="{9E9E65FE-9727-4530-BB51-9BF303BB7F89}"/>
              </a:ext>
            </a:extLst>
          </p:cNvPr>
          <p:cNvSpPr/>
          <p:nvPr userDrawn="1"/>
        </p:nvSpPr>
        <p:spPr bwMode="auto">
          <a:xfrm>
            <a:off x="2915969" y="4105083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  <p:sp>
        <p:nvSpPr>
          <p:cNvPr id="50" name="Freeform: Shape 49">
            <a:extLst>
              <a:ext uri="{FF2B5EF4-FFF2-40B4-BE49-F238E27FC236}">
                <a16:creationId xmlns="" xmlns:a16="http://schemas.microsoft.com/office/drawing/2014/main" id="{00EF6E0A-BD35-4362-9657-E4BEAAE2B13B}"/>
              </a:ext>
            </a:extLst>
          </p:cNvPr>
          <p:cNvSpPr/>
          <p:nvPr userDrawn="1"/>
        </p:nvSpPr>
        <p:spPr bwMode="auto">
          <a:xfrm rot="5400000" flipV="1">
            <a:off x="1822172" y="5216696"/>
            <a:ext cx="902401" cy="258496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/>
          </a:p>
        </p:txBody>
      </p:sp>
      <p:sp>
        <p:nvSpPr>
          <p:cNvPr id="55" name="Freeform: Shape 54">
            <a:extLst>
              <a:ext uri="{FF2B5EF4-FFF2-40B4-BE49-F238E27FC236}">
                <a16:creationId xmlns="" xmlns:a16="http://schemas.microsoft.com/office/drawing/2014/main" id="{2806731E-BA78-4331-B1FC-E8065802104C}"/>
              </a:ext>
            </a:extLst>
          </p:cNvPr>
          <p:cNvSpPr/>
          <p:nvPr userDrawn="1"/>
        </p:nvSpPr>
        <p:spPr bwMode="auto">
          <a:xfrm rot="5400000" flipV="1">
            <a:off x="1234945" y="2723803"/>
            <a:ext cx="2375099" cy="387412"/>
          </a:xfrm>
          <a:custGeom>
            <a:avLst/>
            <a:gdLst>
              <a:gd name="connsiteX0" fmla="*/ 0 w 3307404"/>
              <a:gd name="connsiteY0" fmla="*/ 1160834 h 1160834"/>
              <a:gd name="connsiteX1" fmla="*/ 0 w 3307404"/>
              <a:gd name="connsiteY1" fmla="*/ 0 h 1160834"/>
              <a:gd name="connsiteX2" fmla="*/ 3307404 w 3307404"/>
              <a:gd name="connsiteY2" fmla="*/ 0 h 11608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307404" h="1160834">
                <a:moveTo>
                  <a:pt x="0" y="1160834"/>
                </a:moveTo>
                <a:lnTo>
                  <a:pt x="0" y="0"/>
                </a:lnTo>
                <a:lnTo>
                  <a:pt x="3307404" y="0"/>
                </a:lnTo>
              </a:path>
            </a:pathLst>
          </a:cu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lIns="121856" tIns="60928" rIns="121856" bIns="60928" rtlCol="0" anchor="ctr"/>
          <a:lstStyle/>
          <a:p>
            <a:pPr algn="ctr"/>
            <a:endParaRPr lang="en-GB" sz="2533"/>
          </a:p>
        </p:txBody>
      </p:sp>
      <p:sp>
        <p:nvSpPr>
          <p:cNvPr id="56" name="Rectangle 55">
            <a:extLst>
              <a:ext uri="{FF2B5EF4-FFF2-40B4-BE49-F238E27FC236}">
                <a16:creationId xmlns="" xmlns:a16="http://schemas.microsoft.com/office/drawing/2014/main" id="{2445E781-0703-4409-88B4-0180697D2008}"/>
              </a:ext>
            </a:extLst>
          </p:cNvPr>
          <p:cNvSpPr/>
          <p:nvPr userDrawn="1"/>
        </p:nvSpPr>
        <p:spPr bwMode="auto">
          <a:xfrm>
            <a:off x="2144125" y="4113703"/>
            <a:ext cx="188839" cy="189831"/>
          </a:xfrm>
          <a:prstGeom prst="rect">
            <a:avLst/>
          </a:prstGeom>
          <a:noFill/>
          <a:ln w="19050" algn="ctr">
            <a:solidFill>
              <a:srgbClr val="FF0000"/>
            </a:solidFill>
            <a:miter lim="800000"/>
          </a:ln>
          <a:effectLst/>
        </p:spPr>
        <p:txBody>
          <a:bodyPr lIns="93216" tIns="46631" rIns="93216" bIns="46631" rtlCol="0" anchor="ctr"/>
          <a:lstStyle/>
          <a:p>
            <a:pPr marL="304600" indent="-304600" algn="ctr">
              <a:spcBef>
                <a:spcPts val="800"/>
              </a:spcBef>
              <a:buClr>
                <a:srgbClr val="F0414B"/>
              </a:buClr>
              <a:buFont typeface="Arial" panose="020B0604020202020204" pitchFamily="34" charset="0"/>
              <a:buChar char="•"/>
            </a:pPr>
            <a:endParaRPr lang="en-GB" sz="2667">
              <a:solidFill>
                <a:srgbClr val="5A5A5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09363229"/>
      </p:ext>
    </p:extLst>
  </p:cSld>
  <p:clrMapOvr>
    <a:masterClrMapping/>
  </p:clrMapOvr>
  <p:transition/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/>
          <p:cNvSpPr>
            <a:spLocks noGrp="1"/>
          </p:cNvSpPr>
          <p:nvPr>
            <p:ph sz="quarter" idx="11"/>
          </p:nvPr>
        </p:nvSpPr>
        <p:spPr>
          <a:xfrm>
            <a:off x="609600" y="1372800"/>
            <a:ext cx="10972800" cy="41712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609607" y="163200"/>
            <a:ext cx="11247967" cy="914400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Slide Number Placeholder 1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3CE978CD-8200-452B-A882-54D258D61118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pPr>
                <a:defRPr/>
              </a:p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cxnSp>
        <p:nvCxnSpPr>
          <p:cNvPr id="11" name="Straight Connector 10"/>
          <p:cNvCxnSpPr/>
          <p:nvPr userDrawn="1"/>
        </p:nvCxnSpPr>
        <p:spPr>
          <a:xfrm>
            <a:off x="0" y="114723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91024384"/>
      </p:ext>
    </p:extLst>
  </p:cSld>
  <p:clrMapOvr>
    <a:masterClrMapping/>
  </p:clrMapOvr>
  <p:transition/>
  <p:hf hdr="0" dt="0"/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ection Head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572835" y="3412800"/>
            <a:ext cx="7735823" cy="1036800"/>
          </a:xfrm>
        </p:spPr>
        <p:txBody>
          <a:bodyPr/>
          <a:lstStyle>
            <a:lvl1pPr marL="0" marR="0" indent="0" algn="l" defTabSz="609203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/>
              <a:buNone/>
              <a:defRPr sz="2400">
                <a:solidFill>
                  <a:schemeClr val="accent2"/>
                </a:solidFill>
              </a:defRPr>
            </a:lvl1pPr>
          </a:lstStyle>
          <a:p>
            <a:pPr marL="0" marR="0" lvl="0" indent="0" algn="l" defTabSz="609203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/>
              <a:buNone/>
              <a:defRPr/>
            </a:pPr>
            <a:r>
              <a:rPr lang="en-US"/>
              <a:t>Click to edit Master subtitle style</a:t>
            </a:r>
          </a:p>
          <a:p>
            <a:pPr lvl="0"/>
            <a:endParaRPr lang="en-GB"/>
          </a:p>
        </p:txBody>
      </p:sp>
      <p:sp>
        <p:nvSpPr>
          <p:cNvPr id="19" name="Title 18"/>
          <p:cNvSpPr>
            <a:spLocks noGrp="1"/>
          </p:cNvSpPr>
          <p:nvPr>
            <p:ph type="title"/>
          </p:nvPr>
        </p:nvSpPr>
        <p:spPr>
          <a:xfrm>
            <a:off x="572835" y="2164800"/>
            <a:ext cx="7735823" cy="1166400"/>
          </a:xfrm>
        </p:spPr>
        <p:txBody>
          <a:bodyPr anchor="b" anchorCtr="0"/>
          <a:lstStyle>
            <a:lvl1pPr>
              <a:defRPr sz="3733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 hasCustomPrompt="1"/>
          </p:nvPr>
        </p:nvSpPr>
        <p:spPr>
          <a:xfrm>
            <a:off x="572834" y="4533123"/>
            <a:ext cx="7751233" cy="383116"/>
          </a:xfrm>
        </p:spPr>
        <p:txBody>
          <a:bodyPr anchor="b" anchorCtr="0"/>
          <a:lstStyle>
            <a:lvl1pPr marL="0" indent="0">
              <a:buNone/>
              <a:defRPr sz="1867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 sz="1867"/>
              <a:t>Date of prep goes here if required</a:t>
            </a:r>
            <a:endParaRPr lang="en-GB"/>
          </a:p>
        </p:txBody>
      </p:sp>
      <p:cxnSp>
        <p:nvCxnSpPr>
          <p:cNvPr id="17" name="Straight Connector 16"/>
          <p:cNvCxnSpPr/>
          <p:nvPr userDrawn="1"/>
        </p:nvCxnSpPr>
        <p:spPr>
          <a:xfrm>
            <a:off x="0" y="114723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 userDrawn="1"/>
        </p:nvCxnSpPr>
        <p:spPr>
          <a:xfrm>
            <a:off x="0" y="5974500"/>
            <a:ext cx="12192000" cy="0"/>
          </a:xfrm>
          <a:prstGeom prst="line">
            <a:avLst/>
          </a:prstGeom>
          <a:ln w="3175" cmpd="sng">
            <a:solidFill>
              <a:srgbClr val="333333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06689476"/>
      </p:ext>
    </p:extLst>
  </p:cSld>
  <p:clrMapOvr>
    <a:masterClrMapping/>
  </p:clrMapOvr>
  <p:transition/>
  <p:hf hdr="0" dt="0"/>
  <p:extLst>
    <p:ext uri="{DCECCB84-F9BA-43D5-87BE-67443E8EF086}">
      <p15:sldGuideLst xmlns="" xmlns:p15="http://schemas.microsoft.com/office/powerpoint/2012/main">
        <p15:guide id="1" pos="2880">
          <p15:clr>
            <a:srgbClr val="FBAE40"/>
          </p15:clr>
        </p15:guide>
        <p15:guide id="2" orient="horz" pos="1620">
          <p15:clr>
            <a:srgbClr val="FBAE40"/>
          </p15:clr>
        </p15:guide>
        <p15:guide id="3" orient="horz" pos="2935">
          <p15:clr>
            <a:srgbClr val="FBAE40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lank (to be avoide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3CE978CD-8200-452B-A882-54D258D61118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pPr>
                <a:defRPr/>
              </a:p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6" name="Title 4">
            <a:extLst>
              <a:ext uri="{FF2B5EF4-FFF2-40B4-BE49-F238E27FC236}">
                <a16:creationId xmlns="" xmlns:a16="http://schemas.microsoft.com/office/drawing/2014/main" id="{49B360BA-13CB-4982-BAFB-F5CB646A57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7" y="163200"/>
            <a:ext cx="11247967" cy="914400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3856340"/>
      </p:ext>
    </p:extLst>
  </p:cSld>
  <p:clrMapOvr>
    <a:masterClrMapping/>
  </p:clrMapOvr>
  <p:transition/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607717" y="3412800"/>
            <a:ext cx="5200252" cy="1036800"/>
          </a:xfrm>
        </p:spPr>
        <p:txBody>
          <a:bodyPr/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/>
              <a:buNone/>
              <a:defRPr sz="1800">
                <a:solidFill>
                  <a:schemeClr val="accent2"/>
                </a:solidFill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/>
              <a:buNone/>
              <a:defRPr/>
            </a:pPr>
            <a:r>
              <a:rPr lang="en-US"/>
              <a:t>Click to edit Master subtitle style</a:t>
            </a:r>
          </a:p>
          <a:p>
            <a:pPr lvl="0"/>
            <a:endParaRPr lang="en-GB"/>
          </a:p>
        </p:txBody>
      </p:sp>
      <p:sp>
        <p:nvSpPr>
          <p:cNvPr id="19" name="Title 18"/>
          <p:cNvSpPr>
            <a:spLocks noGrp="1"/>
          </p:cNvSpPr>
          <p:nvPr>
            <p:ph type="title"/>
          </p:nvPr>
        </p:nvSpPr>
        <p:spPr>
          <a:xfrm>
            <a:off x="607717" y="2164800"/>
            <a:ext cx="5200252" cy="1166400"/>
          </a:xfrm>
        </p:spPr>
        <p:txBody>
          <a:bodyPr anchor="b" anchorCtr="0"/>
          <a:lstStyle>
            <a:lvl1pPr>
              <a:defRPr sz="28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 hasCustomPrompt="1"/>
          </p:nvPr>
        </p:nvSpPr>
        <p:spPr>
          <a:xfrm>
            <a:off x="7129743" y="5494156"/>
            <a:ext cx="4678892" cy="383116"/>
          </a:xfrm>
        </p:spPr>
        <p:txBody>
          <a:bodyPr anchor="b" anchorCtr="0"/>
          <a:lstStyle>
            <a:lvl1pPr marL="0" indent="0" algn="r">
              <a:buNone/>
              <a:defRPr sz="140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sz="1400"/>
              <a:t>Date of prep goes here if required</a:t>
            </a:r>
            <a:endParaRPr lang="en-GB"/>
          </a:p>
        </p:txBody>
      </p:sp>
      <p:cxnSp>
        <p:nvCxnSpPr>
          <p:cNvPr id="11" name="Straight Connector 10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/>
          <p:nvPr userDrawn="1"/>
        </p:nvCxnSpPr>
        <p:spPr>
          <a:xfrm>
            <a:off x="0" y="5974500"/>
            <a:ext cx="12192000" cy="0"/>
          </a:xfrm>
          <a:prstGeom prst="line">
            <a:avLst/>
          </a:prstGeom>
          <a:ln w="3175" cmpd="sng">
            <a:solidFill>
              <a:srgbClr val="333333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16" name="Picture 15">
            <a:extLst>
              <a:ext uri="{FF2B5EF4-FFF2-40B4-BE49-F238E27FC236}">
                <a16:creationId xmlns="" xmlns:a16="http://schemas.microsoft.com/office/drawing/2014/main" id="{F65FC12B-829A-274B-A3EF-CAE11284D6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93924" y="6268150"/>
            <a:ext cx="1038422" cy="3141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3818365"/>
      </p:ext>
    </p:extLst>
  </p:cSld>
  <p:clrMapOvr>
    <a:masterClrMapping/>
  </p:clrMapOvr>
  <p:transition/>
  <p:hf hdr="0" dt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7" name="Content Placeholder 6"/>
          <p:cNvSpPr>
            <a:spLocks noGrp="1"/>
          </p:cNvSpPr>
          <p:nvPr>
            <p:ph sz="quarter" idx="16"/>
          </p:nvPr>
        </p:nvSpPr>
        <p:spPr>
          <a:xfrm>
            <a:off x="336000" y="1988840"/>
            <a:ext cx="11520000" cy="374236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7" hasCustomPrompt="1"/>
          </p:nvPr>
        </p:nvSpPr>
        <p:spPr>
          <a:xfrm>
            <a:off x="336000" y="1329601"/>
            <a:ext cx="11520000" cy="611235"/>
          </a:xfrm>
        </p:spPr>
        <p:txBody>
          <a:bodyPr/>
          <a:lstStyle>
            <a:lvl1pPr marL="0" indent="0">
              <a:buNone/>
              <a:defRPr b="1" baseline="0"/>
            </a:lvl1pPr>
          </a:lstStyle>
          <a:p>
            <a:pPr lvl="0"/>
            <a:r>
              <a:rPr lang="en-GB"/>
              <a:t>Click to edit subtitle</a:t>
            </a:r>
          </a:p>
        </p:txBody>
      </p:sp>
    </p:spTree>
    <p:extLst>
      <p:ext uri="{BB962C8B-B14F-4D97-AF65-F5344CB8AC3E}">
        <p14:creationId xmlns:p14="http://schemas.microsoft.com/office/powerpoint/2010/main" val="3693144321"/>
      </p:ext>
    </p:extLst>
  </p:cSld>
  <p:clrMapOvr>
    <a:masterClrMapping/>
  </p:clrMapOvr>
  <p:transition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599" y="1961606"/>
            <a:ext cx="11006400" cy="4203700"/>
          </a:xfrm>
        </p:spPr>
        <p:txBody>
          <a:bodyPr/>
          <a:lstStyle>
            <a:lvl1pPr marL="177800" indent="-177800">
              <a:defRPr>
                <a:solidFill>
                  <a:srgbClr val="5A5A5A"/>
                </a:solidFill>
              </a:defRPr>
            </a:lvl1pPr>
            <a:lvl2pPr marL="450850" indent="-273050">
              <a:defRPr sz="1800">
                <a:solidFill>
                  <a:srgbClr val="5A5A5A"/>
                </a:solidFill>
              </a:defRPr>
            </a:lvl2pPr>
            <a:lvl3pPr marL="628650" indent="-177800">
              <a:defRPr>
                <a:solidFill>
                  <a:srgbClr val="5A5A5A"/>
                </a:solidFill>
              </a:defRPr>
            </a:lvl3pPr>
            <a:lvl4pPr marL="895350" indent="-266700">
              <a:defRPr>
                <a:solidFill>
                  <a:srgbClr val="5A5A5A"/>
                </a:solidFill>
              </a:defRPr>
            </a:lvl4pPr>
            <a:lvl5pPr marL="1079500" indent="-184150">
              <a:defRPr>
                <a:solidFill>
                  <a:srgbClr val="5A5A5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>
                <a:solidFill>
                  <a:srgbClr val="5A5A5A"/>
                </a:solidFill>
              </a:rPr>
              <a:t>Inset ref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609599" y="1331384"/>
            <a:ext cx="11006400" cy="604800"/>
          </a:xfrm>
        </p:spPr>
        <p:txBody>
          <a:bodyPr/>
          <a:lstStyle>
            <a:lvl1pPr marL="0" indent="0">
              <a:buNone/>
              <a:defRPr sz="1800" b="0" i="0" baseline="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GB" b="1"/>
              <a:t>Click to edit subtitle</a:t>
            </a:r>
            <a:endParaRPr lang="en-GB"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609600" y="163200"/>
            <a:ext cx="10238317" cy="914400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/>
                </a:solidFill>
              </a:rPr>
              <a:t>‹#›</a:t>
            </a:fld>
            <a:endParaRPr lang="en-GB">
              <a:solidFill>
                <a:srgbClr val="5A5A5A"/>
              </a:solidFill>
            </a:endParaRPr>
          </a:p>
        </p:txBody>
      </p:sp>
      <p:cxnSp>
        <p:nvCxnSpPr>
          <p:cNvPr id="20" name="Straight Connector 19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85966338"/>
      </p:ext>
    </p:extLst>
  </p:cSld>
  <p:clrMapOvr>
    <a:masterClrMapping/>
  </p:clrMapOvr>
  <p:transition/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592800" y="3645024"/>
            <a:ext cx="11006400" cy="604800"/>
          </a:xfrm>
        </p:spPr>
        <p:txBody>
          <a:bodyPr/>
          <a:lstStyle>
            <a:lvl1pPr marL="0" indent="0">
              <a:buNone/>
              <a:defRPr sz="1800" b="0" i="0" baseline="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GB" b="1"/>
              <a:t>Click to edit subtitle</a:t>
            </a:r>
            <a:endParaRPr lang="en-GB"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601134" y="2698750"/>
            <a:ext cx="10238317" cy="914400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cxnSp>
        <p:nvCxnSpPr>
          <p:cNvPr id="13" name="Straight Connector 12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 userDrawn="1"/>
        </p:nvCxnSpPr>
        <p:spPr>
          <a:xfrm>
            <a:off x="0" y="5974500"/>
            <a:ext cx="12192000" cy="0"/>
          </a:xfrm>
          <a:prstGeom prst="line">
            <a:avLst/>
          </a:prstGeom>
          <a:ln w="3175" cmpd="sng">
            <a:solidFill>
              <a:srgbClr val="333333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813777353"/>
      </p:ext>
    </p:extLst>
  </p:cSld>
  <p:clrMapOvr>
    <a:masterClrMapping/>
  </p:clrMapOvr>
  <p:transition/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Content Placeholder 18"/>
          <p:cNvSpPr>
            <a:spLocks noGrp="1"/>
          </p:cNvSpPr>
          <p:nvPr>
            <p:ph sz="quarter" idx="11"/>
          </p:nvPr>
        </p:nvSpPr>
        <p:spPr>
          <a:xfrm>
            <a:off x="609600" y="1372800"/>
            <a:ext cx="10972800" cy="4171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>
              <a:solidFill>
                <a:srgbClr val="5A5A5A"/>
              </a:solidFill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0" name="Slide Number Placeholder 1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/>
                </a:solidFill>
              </a:rPr>
              <a:t>‹#›</a:t>
            </a:fld>
            <a:endParaRPr lang="en-GB">
              <a:solidFill>
                <a:srgbClr val="5A5A5A"/>
              </a:solidFill>
            </a:endParaRPr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49968861"/>
      </p:ext>
    </p:extLst>
  </p:cSld>
  <p:clrMapOvr>
    <a:masterClrMapping/>
  </p:clrMapOvr>
  <p:transition/>
  <p:hf hdr="0" dt="0"/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>
              <a:solidFill>
                <a:srgbClr val="5A5A5A"/>
              </a:solidFill>
            </a:endParaRP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/>
                </a:solidFill>
              </a:rPr>
              <a:t>‹#›</a:t>
            </a:fld>
            <a:endParaRPr lang="en-GB">
              <a:solidFill>
                <a:srgbClr val="5A5A5A"/>
              </a:solidFill>
            </a:endParaRPr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47246646"/>
      </p:ext>
    </p:extLst>
  </p:cSld>
  <p:clrMapOvr>
    <a:masterClrMapping/>
  </p:clrMapOvr>
  <p:transition/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>
              <a:solidFill>
                <a:srgbClr val="5A5A5A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/>
                </a:solidFill>
              </a:rPr>
              <a:t>‹#›</a:t>
            </a:fld>
            <a:endParaRPr lang="en-GB">
              <a:solidFill>
                <a:srgbClr val="5A5A5A"/>
              </a:solidFill>
            </a:endParaRPr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41205209"/>
      </p:ext>
    </p:extLst>
  </p:cSld>
  <p:clrMapOvr>
    <a:masterClrMapping/>
  </p:clrMapOvr>
  <p:transition/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371600"/>
            <a:ext cx="5303520" cy="4195233"/>
          </a:xfrm>
        </p:spPr>
        <p:txBody>
          <a:bodyPr/>
          <a:lstStyle>
            <a:lvl1pPr marL="177800" indent="-177800">
              <a:defRPr sz="1800">
                <a:solidFill>
                  <a:srgbClr val="5A5A5A"/>
                </a:solidFill>
              </a:defRPr>
            </a:lvl1pPr>
            <a:lvl2pPr>
              <a:defRPr sz="1800">
                <a:solidFill>
                  <a:srgbClr val="5A5A5A"/>
                </a:solidFill>
              </a:defRPr>
            </a:lvl2pPr>
            <a:lvl3pPr marL="628650" indent="-177800">
              <a:defRPr sz="1600">
                <a:solidFill>
                  <a:srgbClr val="5A5A5A"/>
                </a:solidFill>
              </a:defRPr>
            </a:lvl3pPr>
            <a:lvl4pPr marL="806450" indent="-177800">
              <a:defRPr sz="1600">
                <a:solidFill>
                  <a:srgbClr val="5A5A5A"/>
                </a:solidFill>
              </a:defRPr>
            </a:lvl4pPr>
            <a:lvl5pPr marL="984250" indent="-177800">
              <a:defRPr sz="1400">
                <a:solidFill>
                  <a:srgbClr val="5A5A5A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8880" y="1371600"/>
            <a:ext cx="5303520" cy="4195233"/>
          </a:xfrm>
        </p:spPr>
        <p:txBody>
          <a:bodyPr/>
          <a:lstStyle>
            <a:lvl1pPr>
              <a:defRPr sz="1800">
                <a:solidFill>
                  <a:srgbClr val="5A5A5A"/>
                </a:solidFill>
              </a:defRPr>
            </a:lvl1pPr>
            <a:lvl2pPr>
              <a:defRPr sz="1800">
                <a:solidFill>
                  <a:srgbClr val="5A5A5A"/>
                </a:solidFill>
              </a:defRPr>
            </a:lvl2pPr>
            <a:lvl3pPr marL="627063" indent="-176213">
              <a:defRPr sz="1600">
                <a:solidFill>
                  <a:srgbClr val="5A5A5A"/>
                </a:solidFill>
              </a:defRPr>
            </a:lvl3pPr>
            <a:lvl4pPr marL="806450" indent="-177800">
              <a:defRPr sz="1600">
                <a:solidFill>
                  <a:srgbClr val="5A5A5A"/>
                </a:solidFill>
              </a:defRPr>
            </a:lvl4pPr>
            <a:lvl5pPr marL="984250" indent="-177800">
              <a:defRPr sz="1400">
                <a:solidFill>
                  <a:srgbClr val="5A5A5A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>
              <a:solidFill>
                <a:srgbClr val="5A5A5A"/>
              </a:solidFill>
            </a:endParaRPr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/>
                </a:solidFill>
              </a:rPr>
              <a:t>‹#›</a:t>
            </a:fld>
            <a:endParaRPr lang="en-GB">
              <a:solidFill>
                <a:srgbClr val="5A5A5A"/>
              </a:solidFill>
            </a:endParaRPr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35902549"/>
      </p:ext>
    </p:extLst>
  </p:cSld>
  <p:clrMapOvr>
    <a:masterClrMapping/>
  </p:clrMapOvr>
  <p:transition/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 hasCustomPrompt="1"/>
          </p:nvPr>
        </p:nvSpPr>
        <p:spPr>
          <a:xfrm>
            <a:off x="609600" y="1332000"/>
            <a:ext cx="5303520" cy="604800"/>
          </a:xfrm>
        </p:spPr>
        <p:txBody>
          <a:bodyPr anchor="t"/>
          <a:lstStyle>
            <a:lvl1pPr marL="0" indent="0">
              <a:buNone/>
              <a:defRPr sz="1800" b="1">
                <a:solidFill>
                  <a:schemeClr val="accent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1962001"/>
            <a:ext cx="5303520" cy="3563939"/>
          </a:xfrm>
        </p:spPr>
        <p:txBody>
          <a:bodyPr/>
          <a:lstStyle>
            <a:lvl1pPr>
              <a:defRPr sz="1800">
                <a:solidFill>
                  <a:srgbClr val="5A5A5A"/>
                </a:solidFill>
              </a:defRPr>
            </a:lvl1pPr>
            <a:lvl2pPr>
              <a:defRPr sz="1800">
                <a:solidFill>
                  <a:srgbClr val="5A5A5A"/>
                </a:solidFill>
              </a:defRPr>
            </a:lvl2pPr>
            <a:lvl3pPr marL="628650" indent="-174625">
              <a:defRPr sz="1600">
                <a:solidFill>
                  <a:srgbClr val="5A5A5A"/>
                </a:solidFill>
              </a:defRPr>
            </a:lvl3pPr>
            <a:lvl4pPr marL="895350" indent="-266700">
              <a:defRPr sz="1600">
                <a:solidFill>
                  <a:srgbClr val="5A5A5A"/>
                </a:solidFill>
              </a:defRPr>
            </a:lvl4pPr>
            <a:lvl5pPr marL="1079500" indent="-184150">
              <a:tabLst>
                <a:tab pos="1079500" algn="l"/>
                <a:tab pos="1346200" algn="l"/>
              </a:tabLst>
              <a:defRPr sz="1400">
                <a:solidFill>
                  <a:srgbClr val="5A5A5A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 hasCustomPrompt="1"/>
          </p:nvPr>
        </p:nvSpPr>
        <p:spPr>
          <a:xfrm>
            <a:off x="6278880" y="1332000"/>
            <a:ext cx="5303520" cy="604800"/>
          </a:xfrm>
        </p:spPr>
        <p:txBody>
          <a:bodyPr anchor="t"/>
          <a:lstStyle>
            <a:lvl1pPr marL="0" indent="0">
              <a:buNone/>
              <a:defRPr sz="1800" b="1">
                <a:solidFill>
                  <a:schemeClr val="accent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78880" y="1962001"/>
            <a:ext cx="5303520" cy="3563939"/>
          </a:xfrm>
        </p:spPr>
        <p:txBody>
          <a:bodyPr/>
          <a:lstStyle>
            <a:lvl1pPr>
              <a:defRPr sz="1800">
                <a:solidFill>
                  <a:srgbClr val="5A5A5A"/>
                </a:solidFill>
              </a:defRPr>
            </a:lvl1pPr>
            <a:lvl2pPr>
              <a:defRPr sz="1800">
                <a:solidFill>
                  <a:srgbClr val="5A5A5A"/>
                </a:solidFill>
              </a:defRPr>
            </a:lvl2pPr>
            <a:lvl3pPr marL="627063" indent="-176213">
              <a:defRPr sz="1600">
                <a:solidFill>
                  <a:srgbClr val="5A5A5A"/>
                </a:solidFill>
              </a:defRPr>
            </a:lvl3pPr>
            <a:lvl4pPr marL="895350" indent="-266700">
              <a:defRPr sz="1600">
                <a:solidFill>
                  <a:srgbClr val="5A5A5A"/>
                </a:solidFill>
              </a:defRPr>
            </a:lvl4pPr>
            <a:lvl5pPr marL="1079500" indent="-184150">
              <a:defRPr sz="1400">
                <a:solidFill>
                  <a:srgbClr val="5A5A5A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>
              <a:solidFill>
                <a:srgbClr val="5A5A5A"/>
              </a:solidFill>
            </a:endParaRPr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/>
                </a:solidFill>
              </a:rPr>
              <a:t>‹#›</a:t>
            </a:fld>
            <a:endParaRPr lang="en-GB">
              <a:solidFill>
                <a:srgbClr val="5A5A5A"/>
              </a:solidFill>
            </a:endParaRPr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01146878"/>
      </p:ext>
    </p:extLst>
  </p:cSld>
  <p:clrMapOvr>
    <a:masterClrMapping/>
  </p:clrMapOvr>
  <p:transition/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able Placeholder 5"/>
          <p:cNvSpPr>
            <a:spLocks noGrp="1"/>
          </p:cNvSpPr>
          <p:nvPr>
            <p:ph type="tbl" sz="quarter" idx="11"/>
          </p:nvPr>
        </p:nvSpPr>
        <p:spPr>
          <a:xfrm>
            <a:off x="609600" y="1962000"/>
            <a:ext cx="10972800" cy="4204800"/>
          </a:xfrm>
        </p:spPr>
        <p:txBody>
          <a:bodyPr/>
          <a:lstStyle/>
          <a:p>
            <a:r>
              <a:rPr lang="en-US"/>
              <a:t>Click icon to add table</a:t>
            </a:r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>
              <a:solidFill>
                <a:srgbClr val="5A5A5A"/>
              </a:solidFill>
            </a:endParaRP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/>
                </a:solidFill>
              </a:rPr>
              <a:t>‹#›</a:t>
            </a:fld>
            <a:endParaRPr lang="en-GB">
              <a:solidFill>
                <a:srgbClr val="5A5A5A"/>
              </a:solidFill>
            </a:endParaRPr>
          </a:p>
        </p:txBody>
      </p:sp>
      <p:cxnSp>
        <p:nvCxnSpPr>
          <p:cNvPr id="18" name="Straight Connector 17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49195106"/>
      </p:ext>
    </p:extLst>
  </p:cSld>
  <p:clrMapOvr>
    <a:masterClrMapping/>
  </p:clrMapOvr>
  <p:transition/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>
              <a:solidFill>
                <a:srgbClr val="5A5A5A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/>
                </a:solidFill>
              </a:rPr>
              <a:t>‹#›</a:t>
            </a:fld>
            <a:endParaRPr lang="en-GB">
              <a:solidFill>
                <a:srgbClr val="5A5A5A"/>
              </a:solidFill>
            </a:endParaRP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2"/>
          </p:nvPr>
        </p:nvSpPr>
        <p:spPr>
          <a:xfrm>
            <a:off x="609600" y="1962000"/>
            <a:ext cx="10981635" cy="4204800"/>
          </a:xfrm>
        </p:spPr>
        <p:txBody>
          <a:bodyPr/>
          <a:lstStyle/>
          <a:p>
            <a:r>
              <a:rPr lang="en-US"/>
              <a:t>Click icon to add picture</a:t>
            </a:r>
            <a:endParaRPr lang="en-GB"/>
          </a:p>
        </p:txBody>
      </p:sp>
      <p:cxnSp>
        <p:nvCxnSpPr>
          <p:cNvPr id="10" name="Straight Connector 9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25703614"/>
      </p:ext>
    </p:extLst>
  </p:cSld>
  <p:clrMapOvr>
    <a:masterClrMapping/>
  </p:clrMapOvr>
  <p:transition/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gure (no watermark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hart Placeholder 3"/>
          <p:cNvSpPr>
            <a:spLocks noGrp="1"/>
          </p:cNvSpPr>
          <p:nvPr>
            <p:ph type="chart" sz="quarter" idx="11"/>
          </p:nvPr>
        </p:nvSpPr>
        <p:spPr>
          <a:xfrm>
            <a:off x="609600" y="1960504"/>
            <a:ext cx="11006400" cy="4204800"/>
          </a:xfrm>
        </p:spPr>
        <p:txBody>
          <a:bodyPr/>
          <a:lstStyle/>
          <a:p>
            <a:r>
              <a:rPr lang="en-US"/>
              <a:t>Click icon to add chart</a:t>
            </a:r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>
              <a:solidFill>
                <a:srgbClr val="5A5A5A"/>
              </a:solidFill>
            </a:endParaRP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/>
                </a:solidFill>
              </a:rPr>
              <a:t>‹#›</a:t>
            </a:fld>
            <a:endParaRPr lang="en-GB">
              <a:solidFill>
                <a:srgbClr val="5A5A5A"/>
              </a:solidFill>
            </a:endParaRPr>
          </a:p>
        </p:txBody>
      </p:sp>
      <p:sp>
        <p:nvSpPr>
          <p:cNvPr id="10" name="Text Placeholder 4"/>
          <p:cNvSpPr>
            <a:spLocks noGrp="1"/>
          </p:cNvSpPr>
          <p:nvPr>
            <p:ph type="body" sz="quarter" idx="14" hasCustomPrompt="1"/>
          </p:nvPr>
        </p:nvSpPr>
        <p:spPr>
          <a:xfrm>
            <a:off x="609600" y="1331384"/>
            <a:ext cx="11006400" cy="604800"/>
          </a:xfrm>
        </p:spPr>
        <p:txBody>
          <a:bodyPr/>
          <a:lstStyle>
            <a:lvl1pPr marL="0" indent="0">
              <a:buNone/>
              <a:defRPr sz="1800" b="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GB" b="1"/>
              <a:t>Click to edit subtitle</a:t>
            </a:r>
            <a:endParaRPr lang="en-GB"/>
          </a:p>
        </p:txBody>
      </p:sp>
      <p:cxnSp>
        <p:nvCxnSpPr>
          <p:cNvPr id="19" name="Straight Connector 18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35300942"/>
      </p:ext>
    </p:extLst>
  </p:cSld>
  <p:clrMapOvr>
    <a:masterClrMapping/>
  </p:clrMapOvr>
  <p:transition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7" name="Content Placeholder 6"/>
          <p:cNvSpPr>
            <a:spLocks noGrp="1"/>
          </p:cNvSpPr>
          <p:nvPr>
            <p:ph sz="quarter" idx="16"/>
          </p:nvPr>
        </p:nvSpPr>
        <p:spPr>
          <a:xfrm>
            <a:off x="336000" y="1339200"/>
            <a:ext cx="11520000" cy="439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47125689"/>
      </p:ext>
    </p:extLst>
  </p:cSld>
  <p:clrMapOvr>
    <a:masterClrMapping/>
  </p:clrMapOvr>
  <p:transition/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(to be avoide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>
              <a:solidFill>
                <a:srgbClr val="5A5A5A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/>
                </a:solidFill>
              </a:rPr>
              <a:t>‹#›</a:t>
            </a:fld>
            <a:endParaRPr lang="en-GB">
              <a:solidFill>
                <a:srgbClr val="5A5A5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56948485"/>
      </p:ext>
    </p:extLst>
  </p:cSld>
  <p:clrMapOvr>
    <a:masterClrMapping/>
  </p:clrMapOvr>
  <p:transition/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and Content Waterm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598" y="1962000"/>
            <a:ext cx="11006401" cy="4203700"/>
          </a:xfrm>
        </p:spPr>
        <p:txBody>
          <a:bodyPr/>
          <a:lstStyle>
            <a:lvl1pPr marL="177800" indent="-177800">
              <a:defRPr>
                <a:solidFill>
                  <a:srgbClr val="5A5A5A"/>
                </a:solidFill>
              </a:defRPr>
            </a:lvl1pPr>
            <a:lvl2pPr marL="450850" indent="-273050">
              <a:defRPr sz="1800">
                <a:solidFill>
                  <a:srgbClr val="5A5A5A"/>
                </a:solidFill>
              </a:defRPr>
            </a:lvl2pPr>
            <a:lvl3pPr marL="628650" indent="-177800">
              <a:defRPr>
                <a:solidFill>
                  <a:srgbClr val="5A5A5A"/>
                </a:solidFill>
              </a:defRPr>
            </a:lvl3pPr>
            <a:lvl4pPr marL="895350" indent="-266700">
              <a:defRPr>
                <a:solidFill>
                  <a:srgbClr val="5A5A5A"/>
                </a:solidFill>
              </a:defRPr>
            </a:lvl4pPr>
            <a:lvl5pPr marL="1079500" indent="-184150">
              <a:defRPr>
                <a:solidFill>
                  <a:srgbClr val="5A5A5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>
              <a:solidFill>
                <a:srgbClr val="5A5A5A"/>
              </a:solidFill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609600" y="1331384"/>
            <a:ext cx="11006400" cy="604800"/>
          </a:xfrm>
        </p:spPr>
        <p:txBody>
          <a:bodyPr/>
          <a:lstStyle>
            <a:lvl1pPr marL="0" indent="0">
              <a:buNone/>
              <a:defRPr sz="1800" b="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GB" b="1"/>
              <a:t>Click to edit subtitle</a:t>
            </a:r>
            <a:endParaRPr lang="en-GB"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/>
                </a:solidFill>
              </a:rPr>
              <a:t>‹#›</a:t>
            </a:fld>
            <a:endParaRPr lang="en-GB">
              <a:solidFill>
                <a:srgbClr val="5A5A5A"/>
              </a:solidFill>
            </a:endParaRPr>
          </a:p>
        </p:txBody>
      </p:sp>
      <p:cxnSp>
        <p:nvCxnSpPr>
          <p:cNvPr id="20" name="Straight Connector 19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57061612"/>
      </p:ext>
    </p:extLst>
  </p:cSld>
  <p:clrMapOvr>
    <a:masterClrMapping/>
  </p:clrMapOvr>
  <p:transition/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/>
          <p:cNvCxnSpPr/>
          <p:nvPr userDrawn="1"/>
        </p:nvCxnSpPr>
        <p:spPr>
          <a:xfrm>
            <a:off x="0" y="6102096"/>
            <a:ext cx="12192000" cy="0"/>
          </a:xfrm>
          <a:prstGeom prst="line">
            <a:avLst/>
          </a:prstGeom>
          <a:ln w="3175" cmpd="sng">
            <a:solidFill>
              <a:srgbClr val="333333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499720" y="3876071"/>
            <a:ext cx="3657600" cy="695930"/>
          </a:xfrm>
        </p:spPr>
        <p:txBody>
          <a:bodyPr/>
          <a:lstStyle>
            <a:lvl1pPr marL="0" indent="0" algn="l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6" name="Content Placeholder 15"/>
          <p:cNvSpPr>
            <a:spLocks noGrp="1"/>
          </p:cNvSpPr>
          <p:nvPr>
            <p:ph sz="quarter" idx="10"/>
          </p:nvPr>
        </p:nvSpPr>
        <p:spPr>
          <a:xfrm>
            <a:off x="609600" y="2286000"/>
            <a:ext cx="6096000" cy="15763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7" name="Content Placeholder 15"/>
          <p:cNvSpPr>
            <a:spLocks noGrp="1"/>
          </p:cNvSpPr>
          <p:nvPr>
            <p:ph sz="quarter" idx="11"/>
          </p:nvPr>
        </p:nvSpPr>
        <p:spPr>
          <a:xfrm>
            <a:off x="609600" y="4138612"/>
            <a:ext cx="6096000" cy="15763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040685433"/>
      </p:ext>
    </p:extLst>
  </p:cSld>
  <p:clrMapOvr>
    <a:masterClrMapping/>
  </p:clrMapOvr>
  <p:transition/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 with ref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914400"/>
          </a:xfrm>
        </p:spPr>
        <p:txBody>
          <a:bodyPr/>
          <a:lstStyle>
            <a:lvl1pPr>
              <a:defRPr>
                <a:solidFill>
                  <a:srgbClr val="6482C3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599" y="1371600"/>
            <a:ext cx="10972800" cy="4781874"/>
          </a:xfrm>
        </p:spPr>
        <p:txBody>
          <a:bodyPr/>
          <a:lstStyle>
            <a:lvl1pPr>
              <a:defRPr>
                <a:solidFill>
                  <a:srgbClr val="5A5A5A"/>
                </a:solidFill>
              </a:defRPr>
            </a:lvl1pPr>
            <a:lvl2pPr>
              <a:defRPr sz="2200">
                <a:solidFill>
                  <a:srgbClr val="5A5A5A"/>
                </a:solidFill>
              </a:defRPr>
            </a:lvl2pPr>
            <a:lvl3pPr>
              <a:defRPr>
                <a:solidFill>
                  <a:srgbClr val="5A5A5A"/>
                </a:solidFill>
              </a:defRPr>
            </a:lvl3pPr>
            <a:lvl4pPr>
              <a:defRPr>
                <a:solidFill>
                  <a:srgbClr val="5A5A5A"/>
                </a:solidFill>
              </a:defRPr>
            </a:lvl4pPr>
            <a:lvl5pPr>
              <a:defRPr>
                <a:solidFill>
                  <a:srgbClr val="5A5A5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77917" y="6159218"/>
            <a:ext cx="9448800" cy="482600"/>
          </a:xfrm>
        </p:spPr>
        <p:txBody>
          <a:bodyPr anchor="t" anchorCtr="0"/>
          <a:lstStyle>
            <a:lvl1pPr marL="0" indent="0">
              <a:buNone/>
              <a:defRPr sz="10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*Reference copy goes here in Arial Regular 10pts</a:t>
            </a:r>
          </a:p>
        </p:txBody>
      </p:sp>
    </p:spTree>
    <p:extLst>
      <p:ext uri="{BB962C8B-B14F-4D97-AF65-F5344CB8AC3E}">
        <p14:creationId xmlns:p14="http://schemas.microsoft.com/office/powerpoint/2010/main" val="2649869514"/>
      </p:ext>
    </p:extLst>
  </p:cSld>
  <p:clrMapOvr>
    <a:masterClrMapping/>
  </p:clrMapOvr>
  <p:transition/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 with ref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914400"/>
          </a:xfrm>
        </p:spPr>
        <p:txBody>
          <a:bodyPr/>
          <a:lstStyle>
            <a:lvl1pPr>
              <a:defRPr>
                <a:solidFill>
                  <a:srgbClr val="6482C3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77917" y="6159218"/>
            <a:ext cx="9448800" cy="482600"/>
          </a:xfrm>
        </p:spPr>
        <p:txBody>
          <a:bodyPr anchor="t" anchorCtr="0"/>
          <a:lstStyle>
            <a:lvl1pPr marL="0" indent="0">
              <a:buNone/>
              <a:defRPr sz="10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*Reference copy goes here in Arial Regular 10pts</a:t>
            </a:r>
          </a:p>
        </p:txBody>
      </p:sp>
    </p:spTree>
    <p:extLst>
      <p:ext uri="{BB962C8B-B14F-4D97-AF65-F5344CB8AC3E}">
        <p14:creationId xmlns:p14="http://schemas.microsoft.com/office/powerpoint/2010/main" val="524737064"/>
      </p:ext>
    </p:extLst>
  </p:cSld>
  <p:clrMapOvr>
    <a:masterClrMapping/>
  </p:clrMapOvr>
  <p:transition/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8"/>
            <a:ext cx="10972800" cy="914400"/>
          </a:xfrm>
        </p:spPr>
        <p:txBody>
          <a:bodyPr/>
          <a:lstStyle>
            <a:lvl1pPr>
              <a:defRPr>
                <a:solidFill>
                  <a:srgbClr val="6482C3"/>
                </a:solidFill>
              </a:defRPr>
            </a:lvl1pPr>
          </a:lstStyle>
          <a:p>
            <a:r>
              <a:rPr lang="en-US"/>
              <a:t>Acknowledgement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7658100" y="2757488"/>
            <a:ext cx="3186113" cy="1485900"/>
          </a:xfrm>
        </p:spPr>
        <p:txBody>
          <a:bodyPr/>
          <a:lstStyle>
            <a:lvl1pPr>
              <a:defRPr sz="2400"/>
            </a:lvl1pPr>
          </a:lstStyle>
          <a:p>
            <a:r>
              <a:rPr lang="en-US" sz="1600" b="1">
                <a:solidFill>
                  <a:srgbClr val="5A5A5A">
                    <a:lumMod val="50000"/>
                  </a:srgbClr>
                </a:solidFill>
                <a:latin typeface="Arial"/>
              </a:rPr>
              <a:t>Chairman</a:t>
            </a:r>
          </a:p>
          <a:p>
            <a:r>
              <a:rPr lang="en-US" sz="1600" b="1">
                <a:solidFill>
                  <a:srgbClr val="FFFFFF"/>
                </a:solidFill>
                <a:latin typeface="Arial"/>
              </a:rPr>
              <a:t>Professor XXX</a:t>
            </a:r>
            <a:r>
              <a:rPr lang="en-US" sz="1600" b="1">
                <a:solidFill>
                  <a:srgbClr val="FFFFFF">
                    <a:lumMod val="85000"/>
                  </a:srgbClr>
                </a:solidFill>
                <a:latin typeface="Arial"/>
              </a:rPr>
              <a:t>	</a:t>
            </a:r>
            <a:r>
              <a:rPr lang="en-US" sz="1600">
                <a:solidFill>
                  <a:srgbClr val="FFFFFF">
                    <a:lumMod val="85000"/>
                  </a:srgbClr>
                </a:solidFill>
                <a:latin typeface="Arial"/>
              </a:rPr>
              <a:t> </a:t>
            </a:r>
            <a:endParaRPr lang="en-US" sz="1600" b="1">
              <a:solidFill>
                <a:srgbClr val="FFFFFF">
                  <a:lumMod val="85000"/>
                </a:srgbClr>
              </a:solidFill>
              <a:latin typeface="Arial"/>
            </a:endParaRPr>
          </a:p>
          <a:p>
            <a:endParaRPr lang="en-US" sz="1600" b="1">
              <a:solidFill>
                <a:srgbClr val="FFFFFF"/>
              </a:solidFill>
              <a:latin typeface="Arial"/>
            </a:endParaRPr>
          </a:p>
          <a:p>
            <a:r>
              <a:rPr lang="en-US" sz="1600" b="1">
                <a:solidFill>
                  <a:srgbClr val="5A5A5A">
                    <a:lumMod val="50000"/>
                  </a:srgbClr>
                </a:solidFill>
                <a:latin typeface="Arial"/>
              </a:rPr>
              <a:t>Faculty members </a:t>
            </a:r>
          </a:p>
          <a:p>
            <a:r>
              <a:rPr lang="en-GB" sz="1600" b="1">
                <a:solidFill>
                  <a:srgbClr val="FFFFFF"/>
                </a:solidFill>
              </a:rPr>
              <a:t>Professor </a:t>
            </a:r>
            <a:r>
              <a:rPr lang="en-US" sz="1600" b="1">
                <a:solidFill>
                  <a:srgbClr val="FFFFFF"/>
                </a:solidFill>
              </a:rPr>
              <a:t>XXXX</a:t>
            </a:r>
            <a:endParaRPr lang="en-GB" sz="1600" b="1">
              <a:solidFill>
                <a:schemeClr val="bg1"/>
              </a:solidFill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="" xmlns:a16="http://schemas.microsoft.com/office/drawing/2014/main" id="{9BEE269F-2664-C74E-8E39-8BD2FF7D2C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5700" y="2730500"/>
            <a:ext cx="5461000" cy="254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71133607"/>
      </p:ext>
    </p:extLst>
  </p:cSld>
  <p:clrMapOvr>
    <a:masterClrMapping/>
  </p:clrMapOvr>
  <p:transition/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Slide title 24 pt Arial bold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6" hasCustomPrompt="1"/>
          </p:nvPr>
        </p:nvSpPr>
        <p:spPr>
          <a:xfrm>
            <a:off x="336000" y="1339200"/>
            <a:ext cx="11520000" cy="456473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First level bullet 18 pt Arial</a:t>
            </a:r>
          </a:p>
          <a:p>
            <a:pPr lvl="1"/>
            <a:r>
              <a:rPr lang="en-US"/>
              <a:t>Second level bullet 18 pt Arial</a:t>
            </a:r>
          </a:p>
          <a:p>
            <a:pPr lvl="2"/>
            <a:r>
              <a:rPr lang="en-US"/>
              <a:t>Third level bullet 16 pt Arial</a:t>
            </a:r>
          </a:p>
          <a:p>
            <a:pPr lvl="3"/>
            <a:r>
              <a:rPr lang="en-US"/>
              <a:t>Fourth level bullet 16 pt Arial</a:t>
            </a:r>
          </a:p>
          <a:p>
            <a:pPr lvl="4"/>
            <a:r>
              <a:rPr lang="en-US"/>
              <a:t>Fifth level bullet 14 pt Arial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="" xmlns:a16="http://schemas.microsoft.com/office/drawing/2014/main" id="{0CB8D02A-190A-1649-9BA7-C65624E2D80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44011718"/>
      </p:ext>
    </p:extLst>
  </p:cSld>
  <p:clrMapOvr>
    <a:masterClrMapping/>
  </p:clrMapOvr>
  <p:transition/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&amp;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Slide tit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6" hasCustomPrompt="1"/>
          </p:nvPr>
        </p:nvSpPr>
        <p:spPr>
          <a:xfrm>
            <a:off x="336000" y="1339200"/>
            <a:ext cx="11520000" cy="456473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First level bullet</a:t>
            </a:r>
          </a:p>
          <a:p>
            <a:pPr lvl="1"/>
            <a:r>
              <a:rPr lang="en-US"/>
              <a:t>Second level bullet</a:t>
            </a:r>
          </a:p>
          <a:p>
            <a:pPr lvl="2"/>
            <a:r>
              <a:rPr lang="en-US"/>
              <a:t>Third level bullet</a:t>
            </a:r>
          </a:p>
          <a:p>
            <a:pPr lvl="3"/>
            <a:r>
              <a:rPr lang="en-US"/>
              <a:t>Fourth level bullet</a:t>
            </a:r>
          </a:p>
          <a:p>
            <a:pPr lvl="4"/>
            <a:r>
              <a:rPr lang="en-US"/>
              <a:t>Fifth level bullet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="" xmlns:a16="http://schemas.microsoft.com/office/drawing/2014/main" id="{0CB8D02A-190A-1649-9BA7-C65624E2D80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0891107"/>
      </p:ext>
    </p:extLst>
  </p:cSld>
  <p:clrMapOvr>
    <a:masterClrMapping/>
  </p:clrMapOvr>
  <p:transition/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Содержимое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C71EC6-210F-42DE-9C53-41977AD35B3D}" type="datetimeFigureOut">
              <a:rPr lang="ru-RU" smtClean="0"/>
              <a:pPr/>
              <a:t>25.05.2021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19B0651-EE4F-4900-A07F-96A6BFA9D0F0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866335745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58492288-E334-49B1-8B2E-16D23C81E91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ru-RU"/>
          </a:p>
        </p:txBody>
      </p:sp>
      <p:sp>
        <p:nvSpPr>
          <p:cNvPr id="3" name="Subtitle 2">
            <a:extLst>
              <a:ext uri="{FF2B5EF4-FFF2-40B4-BE49-F238E27FC236}">
                <a16:creationId xmlns="" xmlns:a16="http://schemas.microsoft.com/office/drawing/2014/main" id="{D0E25EFD-CD6A-43F3-96CC-1A393BECC08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ru-RU"/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ECA0F912-4561-4110-BEB7-8884769A58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67B61A-24BA-4DEB-BC1C-6402704C92ED}" type="datetimeFigureOut">
              <a:rPr lang="ru-RU" smtClean="0"/>
              <a:pPr/>
              <a:t>25.05.2021</a:t>
            </a:fld>
            <a:endParaRPr lang="ru-RU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617E916D-CF02-4268-907D-0F9DFD7977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22C4A9F7-A346-4FB4-B14F-D55A46CB40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82B172-5B1E-4690-B4D8-0AB0D5EBE384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47021078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5" name="Text Placeholder 3"/>
          <p:cNvSpPr>
            <a:spLocks noGrp="1"/>
          </p:cNvSpPr>
          <p:nvPr>
            <p:ph type="body" sz="quarter" idx="17" hasCustomPrompt="1"/>
          </p:nvPr>
        </p:nvSpPr>
        <p:spPr>
          <a:xfrm>
            <a:off x="336000" y="1329601"/>
            <a:ext cx="11520000" cy="611235"/>
          </a:xfrm>
        </p:spPr>
        <p:txBody>
          <a:bodyPr/>
          <a:lstStyle>
            <a:lvl1pPr marL="0" indent="0">
              <a:buNone/>
              <a:defRPr b="1" baseline="0"/>
            </a:lvl1pPr>
          </a:lstStyle>
          <a:p>
            <a:pPr lvl="0"/>
            <a:r>
              <a:rPr lang="en-GB"/>
              <a:t>Click to edit subtitle</a:t>
            </a:r>
          </a:p>
        </p:txBody>
      </p:sp>
    </p:spTree>
    <p:extLst>
      <p:ext uri="{BB962C8B-B14F-4D97-AF65-F5344CB8AC3E}">
        <p14:creationId xmlns:p14="http://schemas.microsoft.com/office/powerpoint/2010/main" val="1169043549"/>
      </p:ext>
    </p:extLst>
  </p:cSld>
  <p:clrMapOvr>
    <a:masterClrMapping/>
  </p:clrMapOvr>
  <p:transition/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2D9635B2-3D27-4FA3-B863-05E4C9624AB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nter title her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="" xmlns:a16="http://schemas.microsoft.com/office/drawing/2014/main" id="{91E4B5EC-9E53-45C3-B765-C1C483A070D0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07988" y="1567815"/>
            <a:ext cx="11376024" cy="4608000"/>
          </a:xfrm>
        </p:spPr>
        <p:txBody>
          <a:bodyPr>
            <a:spAutoFit/>
          </a:bodyPr>
          <a:lstStyle>
            <a:lvl1pPr>
              <a:defRPr/>
            </a:lvl1pPr>
            <a:lvl2pPr marL="576000" indent="-288000">
              <a:defRPr/>
            </a:lvl2pPr>
          </a:lstStyle>
          <a:p>
            <a:pPr lvl="0"/>
            <a:r>
              <a:rPr lang="en-US" dirty="0"/>
              <a:t>Click to add text here. </a:t>
            </a:r>
            <a:br>
              <a:rPr lang="en-US" dirty="0"/>
            </a:br>
            <a:r>
              <a:rPr lang="en-US" dirty="0"/>
              <a:t>When pasting copy from other slides, be sure to right-click and choose ‘Keep text only’. </a:t>
            </a:r>
            <a:br>
              <a:rPr lang="en-US" dirty="0"/>
            </a:br>
            <a:r>
              <a:rPr lang="en-US" dirty="0"/>
              <a:t>To increase bullet level, select your text and press Tab.</a:t>
            </a:r>
            <a:br>
              <a:rPr lang="en-US" dirty="0"/>
            </a:br>
            <a:r>
              <a:rPr lang="en-US" dirty="0"/>
              <a:t>To decrease bullet level, select your bullet text and press Shift + Tab. 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="" xmlns:a16="http://schemas.microsoft.com/office/drawing/2014/main" id="{F002CC1A-50FF-4A50-8660-D325E3429D98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>
            <a:off x="10137663" y="6456258"/>
            <a:ext cx="1279358" cy="30914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10" name="Slide Number Placeholder 9">
            <a:extLst>
              <a:ext uri="{FF2B5EF4-FFF2-40B4-BE49-F238E27FC236}">
                <a16:creationId xmlns="" xmlns:a16="http://schemas.microsoft.com/office/drawing/2014/main" id="{7E938F29-84D5-4449-9358-343332B4BE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F8E47D07-9D1E-4FE9-B31A-2F586368102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Text Placeholder 96">
            <a:extLst>
              <a:ext uri="{FF2B5EF4-FFF2-40B4-BE49-F238E27FC236}">
                <a16:creationId xmlns="" xmlns:a16="http://schemas.microsoft.com/office/drawing/2014/main" id="{C949FF72-87ED-4607-89DB-176C532FA3A0}"/>
              </a:ext>
            </a:extLst>
          </p:cNvPr>
          <p:cNvSpPr>
            <a:spLocks noGrp="1"/>
          </p:cNvSpPr>
          <p:nvPr>
            <p:ph type="body" sz="quarter" idx="111" hasCustomPrompt="1"/>
          </p:nvPr>
        </p:nvSpPr>
        <p:spPr>
          <a:xfrm>
            <a:off x="407988" y="6200774"/>
            <a:ext cx="9729787" cy="657225"/>
          </a:xfrm>
        </p:spPr>
        <p:txBody>
          <a:bodyPr anchor="b" anchorCtr="0">
            <a:noAutofit/>
          </a:bodyPr>
          <a:lstStyle>
            <a:lvl1pPr>
              <a:spcAft>
                <a:spcPts val="300"/>
              </a:spcAft>
              <a:buNone/>
              <a:defRPr sz="800"/>
            </a:lvl1pPr>
          </a:lstStyle>
          <a:p>
            <a:pPr lvl="0"/>
            <a:r>
              <a:rPr lang="en-US" dirty="0"/>
              <a:t>Footnot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66283253"/>
      </p:ext>
    </p:extLst>
  </p:cSld>
  <p:clrMapOvr>
    <a:masterClrMapping/>
  </p:clrMapOvr>
  <p:extLst mod="1">
    <p:ext uri="{DCECCB84-F9BA-43D5-87BE-67443E8EF086}">
      <p15:sldGuideLst xmlns="" xmlns:p15="http://schemas.microsoft.com/office/powerpoint/2012/main">
        <p15:guide id="1" pos="1391">
          <p15:clr>
            <a:srgbClr val="A4A3A4"/>
          </p15:clr>
        </p15:guide>
        <p15:guide id="2" pos="1463">
          <p15:clr>
            <a:srgbClr val="A4A3A4"/>
          </p15:clr>
        </p15:guide>
        <p15:guide id="3" pos="2598">
          <p15:clr>
            <a:srgbClr val="A4A3A4"/>
          </p15:clr>
        </p15:guide>
        <p15:guide id="4" pos="2669">
          <p15:clr>
            <a:srgbClr val="A4A3A4"/>
          </p15:clr>
        </p15:guide>
        <p15:guide id="5" pos="3804">
          <p15:clr>
            <a:srgbClr val="A4A3A4"/>
          </p15:clr>
        </p15:guide>
        <p15:guide id="6" pos="3876">
          <p15:clr>
            <a:srgbClr val="A4A3A4"/>
          </p15:clr>
        </p15:guide>
        <p15:guide id="7" pos="5009">
          <p15:clr>
            <a:srgbClr val="A4A3A4"/>
          </p15:clr>
        </p15:guide>
        <p15:guide id="8" pos="5082">
          <p15:clr>
            <a:srgbClr val="A4A3A4"/>
          </p15:clr>
        </p15:guide>
        <p15:guide id="9" pos="6215">
          <p15:clr>
            <a:srgbClr val="A4A3A4"/>
          </p15:clr>
        </p15:guide>
        <p15:guide id="10" pos="6288">
          <p15:clr>
            <a:srgbClr val="A4A3A4"/>
          </p15:clr>
        </p15:guide>
        <p15:guide id="11" orient="horz" pos="890">
          <p15:clr>
            <a:srgbClr val="C35EA4"/>
          </p15:clr>
        </p15:guide>
        <p15:guide id="12" orient="horz" pos="981">
          <p15:clr>
            <a:srgbClr val="C35EA4"/>
          </p15:clr>
        </p15:guide>
      </p15:sldGuideLst>
    </p:ext>
  </p:extLs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>
          <a:xfrm>
            <a:off x="624000" y="6201600"/>
            <a:ext cx="9451200" cy="484800"/>
          </a:xfrm>
          <a:prstGeom prst="rect">
            <a:avLst/>
          </a:prstGeom>
        </p:spPr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cxnSp>
        <p:nvCxnSpPr>
          <p:cNvPr id="11" name="Straight Connector 10"/>
          <p:cNvCxnSpPr/>
          <p:nvPr userDrawn="1"/>
        </p:nvCxnSpPr>
        <p:spPr>
          <a:xfrm>
            <a:off x="0" y="1147364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09616066"/>
      </p:ext>
    </p:extLst>
  </p:cSld>
  <p:clrMapOvr>
    <a:masterClrMapping/>
  </p:clrMapOvr>
  <p:transition/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09600" y="274637"/>
            <a:ext cx="10972800" cy="1143000"/>
          </a:xfrm>
          <a:prstGeom prst="rect">
            <a:avLst/>
          </a:prstGeom>
        </p:spPr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Содержимое 2"/>
          <p:cNvSpPr>
            <a:spLocks noGrp="1"/>
          </p:cNvSpPr>
          <p:nvPr>
            <p:ph sz="half" idx="1"/>
          </p:nvPr>
        </p:nvSpPr>
        <p:spPr>
          <a:xfrm>
            <a:off x="609600" y="1600205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67"/>
            </a:lvl4pPr>
            <a:lvl5pPr>
              <a:defRPr sz="1867"/>
            </a:lvl5pPr>
            <a:lvl6pPr>
              <a:defRPr sz="1867"/>
            </a:lvl6pPr>
            <a:lvl7pPr>
              <a:defRPr sz="1867"/>
            </a:lvl7pPr>
            <a:lvl8pPr>
              <a:defRPr sz="1867"/>
            </a:lvl8pPr>
            <a:lvl9pPr>
              <a:defRPr sz="1867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Содержимое 3"/>
          <p:cNvSpPr>
            <a:spLocks noGrp="1"/>
          </p:cNvSpPr>
          <p:nvPr>
            <p:ph sz="half" idx="2"/>
          </p:nvPr>
        </p:nvSpPr>
        <p:spPr>
          <a:xfrm>
            <a:off x="6197600" y="1600205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67"/>
            </a:lvl4pPr>
            <a:lvl5pPr>
              <a:defRPr sz="1867"/>
            </a:lvl5pPr>
            <a:lvl6pPr>
              <a:defRPr sz="1867"/>
            </a:lvl6pPr>
            <a:lvl7pPr>
              <a:defRPr sz="1867"/>
            </a:lvl7pPr>
            <a:lvl8pPr>
              <a:defRPr sz="1867"/>
            </a:lvl8pPr>
            <a:lvl9pPr>
              <a:defRPr sz="1867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>
          <a:xfrm>
            <a:off x="609600" y="6356380"/>
            <a:ext cx="2844800" cy="365125"/>
          </a:xfrm>
          <a:prstGeom prst="rect">
            <a:avLst/>
          </a:prstGeom>
        </p:spPr>
        <p:txBody>
          <a:bodyPr/>
          <a:lstStyle/>
          <a:p>
            <a:fld id="{B4C71EC6-210F-42DE-9C53-41977AD35B3D}" type="datetimeFigureOut">
              <a:rPr lang="ru-RU" smtClean="0"/>
              <a:pPr/>
              <a:t>25.05.2021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>
          <a:xfrm>
            <a:off x="4165600" y="6356380"/>
            <a:ext cx="3860800" cy="365125"/>
          </a:xfrm>
          <a:prstGeom prst="rect">
            <a:avLst/>
          </a:prstGeom>
        </p:spPr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>
          <a:xfrm>
            <a:off x="8737600" y="6356380"/>
            <a:ext cx="2844800" cy="365125"/>
          </a:xfrm>
          <a:prstGeom prst="rect">
            <a:avLst/>
          </a:prstGeom>
        </p:spPr>
        <p:txBody>
          <a:bodyPr/>
          <a:lstStyle/>
          <a:p>
            <a:fld id="{B19B0651-EE4F-4900-A07F-96A6BFA9D0F0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624487583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6_Nor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idx="1"/>
          </p:nvPr>
        </p:nvSpPr>
        <p:spPr>
          <a:xfrm>
            <a:off x="422400" y="1749631"/>
            <a:ext cx="11347200" cy="3941052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  <a:p>
            <a:pPr lvl="2"/>
            <a:r>
              <a:rPr lang="en-US" noProof="0" dirty="0"/>
              <a:t>Third level</a:t>
            </a:r>
          </a:p>
          <a:p>
            <a:pPr lvl="3"/>
            <a:r>
              <a:rPr lang="en-US" noProof="0" dirty="0"/>
              <a:t>Fourth level</a:t>
            </a:r>
          </a:p>
          <a:p>
            <a:pPr lvl="4"/>
            <a:r>
              <a:rPr lang="en-US" noProof="0" dirty="0"/>
              <a:t>Fifth level</a:t>
            </a:r>
            <a:endParaRPr lang="en-GB" noProof="0" dirty="0"/>
          </a:p>
        </p:txBody>
      </p:sp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422400" y="687228"/>
            <a:ext cx="11347200" cy="521883"/>
          </a:xfrm>
        </p:spPr>
        <p:txBody>
          <a:bodyPr/>
          <a:lstStyle>
            <a:lvl1pPr>
              <a:defRPr sz="3200"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0" hasCustomPrompt="1"/>
          </p:nvPr>
        </p:nvSpPr>
        <p:spPr>
          <a:xfrm>
            <a:off x="351369" y="6201677"/>
            <a:ext cx="11418233" cy="230716"/>
          </a:xfrm>
        </p:spPr>
        <p:txBody>
          <a:bodyPr lIns="72000" anchor="b">
            <a:noAutofit/>
          </a:bodyPr>
          <a:lstStyle>
            <a:lvl1pPr marL="0" marR="0" indent="0" algn="l" defTabSz="121914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Tx/>
              <a:buFont typeface="Verdana" pitchFamily="34" charset="0"/>
              <a:buNone/>
              <a:defRPr sz="1067">
                <a:solidFill>
                  <a:srgbClr val="82786F"/>
                </a:solidFill>
              </a:defRPr>
            </a:lvl1pPr>
            <a:lvl2pPr marL="353466" indent="0">
              <a:buNone/>
              <a:defRPr sz="1067"/>
            </a:lvl2pPr>
            <a:lvl3pPr marL="715397" indent="0">
              <a:buNone/>
              <a:defRPr sz="1067"/>
            </a:lvl3pPr>
            <a:lvl4pPr marL="1077330" indent="0">
              <a:buNone/>
              <a:defRPr sz="1067"/>
            </a:lvl4pPr>
            <a:lvl5pPr marL="1430795" indent="0">
              <a:buNone/>
              <a:defRPr sz="1067"/>
            </a:lvl5pPr>
          </a:lstStyle>
          <a:p>
            <a:pPr marL="0" marR="0" lvl="0" indent="0" algn="l" defTabSz="121914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SzTx/>
              <a:buFont typeface="Verdana" pitchFamily="34" charset="0"/>
              <a:buNone/>
              <a:defRPr/>
            </a:pPr>
            <a:r>
              <a:rPr lang="en-US"/>
              <a:t>References</a:t>
            </a:r>
            <a:endParaRPr lang="en-GB" sz="1067"/>
          </a:p>
        </p:txBody>
      </p:sp>
    </p:spTree>
    <p:extLst>
      <p:ext uri="{BB962C8B-B14F-4D97-AF65-F5344CB8AC3E}">
        <p14:creationId xmlns:p14="http://schemas.microsoft.com/office/powerpoint/2010/main" val="4083785321"/>
      </p:ext>
    </p:extLst>
  </p:cSld>
  <p:clrMapOvr>
    <a:masterClrMapping/>
  </p:clrMapOvr>
  <p:transition/>
  <p:hf hdr="0"/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A.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8000" y="1944000"/>
            <a:ext cx="10896000" cy="4269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xmlns="" id="{5CF82791-4F8E-4072-A90B-7DDBA5BDDDD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2892000" y="324000"/>
            <a:ext cx="1920000" cy="125850"/>
          </a:xfrm>
          <a:prstGeom prst="rect">
            <a:avLst/>
          </a:prstGeom>
        </p:spPr>
        <p:txBody>
          <a:bodyPr/>
          <a:lstStyle/>
          <a:p>
            <a:fld id="{624D4C7A-7D04-45C1-ACAD-9A9294127E8A}" type="datetime3">
              <a:rPr lang="en-US" smtClean="0"/>
              <a:t>25 May 2021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xmlns="" id="{40F7B92D-8DE2-4AAE-9F57-625CFD54A0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 marL="0" marR="0" indent="0" algn="l" defTabSz="117186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lvl1pPr>
          </a:lstStyle>
          <a:p>
            <a:r>
              <a:rPr lang="ru-RU" dirty="0">
                <a:solidFill>
                  <a:schemeClr val="bg2"/>
                </a:solidFill>
                <a:highlight>
                  <a:srgbClr val="000000">
                    <a:alpha val="0"/>
                  </a:srgbClr>
                </a:highlight>
              </a:rPr>
              <a:t>Презентация компании Ново Нордиск</a:t>
            </a:r>
            <a:endParaRPr lang="en-GB" dirty="0">
              <a:solidFill>
                <a:schemeClr val="bg2"/>
              </a:solidFill>
            </a:endParaRPr>
          </a:p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xmlns="" id="{691B1983-58ED-417B-836C-01C783DF99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t>‹#›</a:t>
            </a:fld>
            <a:endParaRPr lang="en-GB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C16868FC-B7DE-4736-A8C4-5762DBFD1FC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7999" y="6210000"/>
            <a:ext cx="8652000" cy="324000"/>
          </a:xfrm>
        </p:spPr>
        <p:txBody>
          <a:bodyPr anchor="b"/>
          <a:lstStyle>
            <a:lvl1pPr marL="0" indent="0">
              <a:buNone/>
              <a:defRPr sz="700" i="1">
                <a:solidFill>
                  <a:schemeClr val="tx2"/>
                </a:solidFill>
              </a:defRPr>
            </a:lvl1pPr>
          </a:lstStyle>
          <a:p>
            <a:pPr lvl="0"/>
            <a:r>
              <a:rPr lang="en-GB"/>
              <a:t>Insert notes</a:t>
            </a:r>
          </a:p>
        </p:txBody>
      </p:sp>
    </p:spTree>
    <p:extLst>
      <p:ext uri="{BB962C8B-B14F-4D97-AF65-F5344CB8AC3E}">
        <p14:creationId xmlns:p14="http://schemas.microsoft.com/office/powerpoint/2010/main" val="3942581763"/>
      </p:ext>
    </p:extLst>
  </p:cSld>
  <p:clrMapOvr>
    <a:masterClrMapping/>
  </p:clrMapOvr>
  <p:transition/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4AEAF0F7-13F0-4A52-AEB6-1A0EC7D4CD84}" type="datetimeFigureOut">
              <a:rPr lang="en-US" smtClean="0"/>
              <a:pPr/>
              <a:t>5/25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F65C95-C3D6-4E68-A742-91054E805A5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5338786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/>
          <p:cNvCxnSpPr/>
          <p:nvPr userDrawn="1"/>
        </p:nvCxnSpPr>
        <p:spPr>
          <a:xfrm>
            <a:off x="0" y="5974500"/>
            <a:ext cx="12192000" cy="0"/>
          </a:xfrm>
          <a:prstGeom prst="line">
            <a:avLst/>
          </a:prstGeom>
          <a:ln w="3175" cmpd="sng">
            <a:solidFill>
              <a:srgbClr val="333333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572824" y="3412800"/>
            <a:ext cx="5043125" cy="1036800"/>
          </a:xfrm>
        </p:spPr>
        <p:txBody>
          <a:bodyPr/>
          <a:lstStyle>
            <a:lvl1pPr marL="0" marR="0" indent="0" algn="l" defTabSz="457189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/>
              <a:buNone/>
              <a:defRPr sz="1800" b="0">
                <a:solidFill>
                  <a:schemeClr val="tx1"/>
                </a:solidFill>
              </a:defRPr>
            </a:lvl1pPr>
          </a:lstStyle>
          <a:p>
            <a:pPr marL="0" marR="0" lvl="0" indent="0" algn="l" defTabSz="457189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/>
              <a:buNone/>
              <a:defRPr/>
            </a:pPr>
            <a:r>
              <a:rPr lang="en-US"/>
              <a:t>Click to edit Master subtitle style</a:t>
            </a:r>
          </a:p>
        </p:txBody>
      </p:sp>
      <p:sp>
        <p:nvSpPr>
          <p:cNvPr id="19" name="Title 18"/>
          <p:cNvSpPr>
            <a:spLocks noGrp="1"/>
          </p:cNvSpPr>
          <p:nvPr>
            <p:ph type="title"/>
          </p:nvPr>
        </p:nvSpPr>
        <p:spPr>
          <a:xfrm>
            <a:off x="572824" y="2164800"/>
            <a:ext cx="5043125" cy="1166400"/>
          </a:xfrm>
        </p:spPr>
        <p:txBody>
          <a:bodyPr anchor="b" anchorCtr="0"/>
          <a:lstStyle>
            <a:lvl1pPr>
              <a:defRPr sz="2800">
                <a:solidFill>
                  <a:schemeClr val="accent1"/>
                </a:solidFill>
              </a:defRPr>
            </a:lvl1pPr>
          </a:lstStyle>
          <a:p>
            <a:r>
              <a:rPr lang="en-GB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 hasCustomPrompt="1"/>
          </p:nvPr>
        </p:nvSpPr>
        <p:spPr>
          <a:xfrm>
            <a:off x="6192012" y="5445225"/>
            <a:ext cx="5664629" cy="383116"/>
          </a:xfrm>
        </p:spPr>
        <p:txBody>
          <a:bodyPr anchor="b" anchorCtr="0">
            <a:noAutofit/>
          </a:bodyPr>
          <a:lstStyle>
            <a:lvl1pPr marL="0" indent="0" algn="r">
              <a:buNone/>
              <a:defRPr lang="en-GB" sz="1400" kern="1200" baseline="0">
                <a:solidFill>
                  <a:schemeClr val="bg1"/>
                </a:solidFill>
                <a:latin typeface="Arial"/>
                <a:ea typeface="+mn-ea"/>
                <a:cs typeface="+mn-cs"/>
              </a:defRPr>
            </a:lvl1pPr>
          </a:lstStyle>
          <a:p>
            <a:pPr lvl="0"/>
            <a:r>
              <a:rPr lang="en-GB" sz="1350"/>
              <a:t>Date of prep goes here if required</a:t>
            </a:r>
            <a:endParaRPr lang="en-GB" sz="1500"/>
          </a:p>
        </p:txBody>
      </p:sp>
      <p:grpSp>
        <p:nvGrpSpPr>
          <p:cNvPr id="21" name="Groep 76">
            <a:extLst>
              <a:ext uri="{FF2B5EF4-FFF2-40B4-BE49-F238E27FC236}">
                <a16:creationId xmlns="" xmlns:a16="http://schemas.microsoft.com/office/drawing/2014/main" id="{4B7797DC-1F66-454E-93C2-6E379A27D87B}"/>
              </a:ext>
            </a:extLst>
          </p:cNvPr>
          <p:cNvGrpSpPr/>
          <p:nvPr userDrawn="1"/>
        </p:nvGrpSpPr>
        <p:grpSpPr>
          <a:xfrm>
            <a:off x="2498182" y="107692"/>
            <a:ext cx="4278020" cy="205630"/>
            <a:chOff x="1873636" y="107691"/>
            <a:chExt cx="3208515" cy="205630"/>
          </a:xfrm>
          <a:solidFill>
            <a:schemeClr val="bg1"/>
          </a:solidFill>
        </p:grpSpPr>
        <p:grpSp>
          <p:nvGrpSpPr>
            <p:cNvPr id="28" name="Groep 160">
              <a:extLst>
                <a:ext uri="{FF2B5EF4-FFF2-40B4-BE49-F238E27FC236}">
                  <a16:creationId xmlns="" xmlns:a16="http://schemas.microsoft.com/office/drawing/2014/main" id="{CB2528B1-A9CA-4703-9A03-2135CA16AE11}"/>
                </a:ext>
              </a:extLst>
            </p:cNvPr>
            <p:cNvGrpSpPr/>
            <p:nvPr/>
          </p:nvGrpSpPr>
          <p:grpSpPr>
            <a:xfrm>
              <a:off x="1873636" y="107692"/>
              <a:ext cx="736279" cy="205629"/>
              <a:chOff x="2096893" y="107692"/>
              <a:chExt cx="736279" cy="205629"/>
            </a:xfrm>
            <a:grpFill/>
          </p:grpSpPr>
          <p:sp>
            <p:nvSpPr>
              <p:cNvPr id="51" name="Graphic 30">
                <a:extLst>
                  <a:ext uri="{FF2B5EF4-FFF2-40B4-BE49-F238E27FC236}">
                    <a16:creationId xmlns="" xmlns:a16="http://schemas.microsoft.com/office/drawing/2014/main" id="{59AC65C8-082A-4241-A7DF-4B33A0C81F90}"/>
                  </a:ext>
                </a:extLst>
              </p:cNvPr>
              <p:cNvSpPr/>
              <p:nvPr/>
            </p:nvSpPr>
            <p:spPr>
              <a:xfrm>
                <a:off x="2096893" y="107692"/>
                <a:ext cx="177589" cy="205629"/>
              </a:xfrm>
              <a:custGeom>
                <a:avLst/>
                <a:gdLst>
                  <a:gd name="connsiteX0" fmla="*/ 244270 w 241300"/>
                  <a:gd name="connsiteY0" fmla="*/ 279400 h 279400"/>
                  <a:gd name="connsiteX1" fmla="*/ 174478 w 241300"/>
                  <a:gd name="connsiteY1" fmla="*/ 279400 h 279400"/>
                  <a:gd name="connsiteX2" fmla="*/ 174478 w 241300"/>
                  <a:gd name="connsiteY2" fmla="*/ 168478 h 279400"/>
                  <a:gd name="connsiteX3" fmla="*/ 69791 w 241300"/>
                  <a:gd name="connsiteY3" fmla="*/ 168478 h 279400"/>
                  <a:gd name="connsiteX4" fmla="*/ 69791 w 241300"/>
                  <a:gd name="connsiteY4" fmla="*/ 279400 h 279400"/>
                  <a:gd name="connsiteX5" fmla="*/ 0 w 241300"/>
                  <a:gd name="connsiteY5" fmla="*/ 279400 h 279400"/>
                  <a:gd name="connsiteX6" fmla="*/ 0 w 241300"/>
                  <a:gd name="connsiteY6" fmla="*/ 91457 h 279400"/>
                  <a:gd name="connsiteX7" fmla="*/ 122135 w 241300"/>
                  <a:gd name="connsiteY7" fmla="*/ 0 h 279400"/>
                  <a:gd name="connsiteX8" fmla="*/ 244270 w 241300"/>
                  <a:gd name="connsiteY8" fmla="*/ 91457 h 279400"/>
                  <a:gd name="connsiteX9" fmla="*/ 244270 w 241300"/>
                  <a:gd name="connsiteY9" fmla="*/ 279400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41300" h="279400">
                    <a:moveTo>
                      <a:pt x="244270" y="279400"/>
                    </a:moveTo>
                    <a:lnTo>
                      <a:pt x="174478" y="279400"/>
                    </a:lnTo>
                    <a:lnTo>
                      <a:pt x="174478" y="168478"/>
                    </a:lnTo>
                    <a:lnTo>
                      <a:pt x="69791" y="168478"/>
                    </a:lnTo>
                    <a:lnTo>
                      <a:pt x="69791" y="279400"/>
                    </a:lnTo>
                    <a:lnTo>
                      <a:pt x="0" y="279400"/>
                    </a:lnTo>
                    <a:lnTo>
                      <a:pt x="0" y="91457"/>
                    </a:lnTo>
                    <a:lnTo>
                      <a:pt x="122135" y="0"/>
                    </a:lnTo>
                    <a:lnTo>
                      <a:pt x="244270" y="91457"/>
                    </a:lnTo>
                    <a:lnTo>
                      <a:pt x="244270" y="279400"/>
                    </a:lnTo>
                    <a:close/>
                  </a:path>
                </a:pathLst>
              </a:custGeom>
              <a:grpFill/>
              <a:ln w="915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bg1"/>
                  </a:solidFill>
                </a:endParaRPr>
              </a:p>
            </p:txBody>
          </p:sp>
          <p:sp>
            <p:nvSpPr>
              <p:cNvPr id="52" name="Tekstvak 135">
                <a:extLst>
                  <a:ext uri="{FF2B5EF4-FFF2-40B4-BE49-F238E27FC236}">
                    <a16:creationId xmlns="" xmlns:a16="http://schemas.microsoft.com/office/drawing/2014/main" id="{5BA27C34-AFC2-4A0A-83BC-228D70880925}"/>
                  </a:ext>
                </a:extLst>
              </p:cNvPr>
              <p:cNvSpPr txBox="1"/>
              <p:nvPr/>
            </p:nvSpPr>
            <p:spPr>
              <a:xfrm>
                <a:off x="2407103" y="-56773"/>
                <a:ext cx="426495" cy="526306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Главная страница</a:t>
                </a:r>
              </a:p>
            </p:txBody>
          </p:sp>
        </p:grpSp>
        <p:grpSp>
          <p:nvGrpSpPr>
            <p:cNvPr id="29" name="Groep 161">
              <a:extLst>
                <a:ext uri="{FF2B5EF4-FFF2-40B4-BE49-F238E27FC236}">
                  <a16:creationId xmlns="" xmlns:a16="http://schemas.microsoft.com/office/drawing/2014/main" id="{AFF4CA9B-BFE1-4EBB-8766-991F367A0681}"/>
                </a:ext>
              </a:extLst>
            </p:cNvPr>
            <p:cNvGrpSpPr/>
            <p:nvPr/>
          </p:nvGrpSpPr>
          <p:grpSpPr>
            <a:xfrm>
              <a:off x="2828680" y="107691"/>
              <a:ext cx="1028176" cy="205629"/>
              <a:chOff x="3051937" y="107691"/>
              <a:chExt cx="1028176" cy="205629"/>
            </a:xfrm>
            <a:grpFill/>
          </p:grpSpPr>
          <p:sp>
            <p:nvSpPr>
              <p:cNvPr id="49" name="Graphic 24">
                <a:extLst>
                  <a:ext uri="{FF2B5EF4-FFF2-40B4-BE49-F238E27FC236}">
                    <a16:creationId xmlns="" xmlns:a16="http://schemas.microsoft.com/office/drawing/2014/main" id="{3ED5B446-89A7-4A11-9844-D1B7D0A9137F}"/>
                  </a:ext>
                </a:extLst>
              </p:cNvPr>
              <p:cNvSpPr/>
              <p:nvPr/>
            </p:nvSpPr>
            <p:spPr>
              <a:xfrm>
                <a:off x="3051937" y="107691"/>
                <a:ext cx="243017" cy="205629"/>
              </a:xfrm>
              <a:custGeom>
                <a:avLst/>
                <a:gdLst>
                  <a:gd name="connsiteX0" fmla="*/ 290953 w 330200"/>
                  <a:gd name="connsiteY0" fmla="*/ 108407 h 279400"/>
                  <a:gd name="connsiteX1" fmla="*/ 290953 w 330200"/>
                  <a:gd name="connsiteY1" fmla="*/ 62679 h 279400"/>
                  <a:gd name="connsiteX2" fmla="*/ 332181 w 330200"/>
                  <a:gd name="connsiteY2" fmla="*/ 62679 h 279400"/>
                  <a:gd name="connsiteX3" fmla="*/ 332181 w 330200"/>
                  <a:gd name="connsiteY3" fmla="*/ 0 h 279400"/>
                  <a:gd name="connsiteX4" fmla="*/ 236989 w 330200"/>
                  <a:gd name="connsiteY4" fmla="*/ 0 h 279400"/>
                  <a:gd name="connsiteX5" fmla="*/ 236989 w 330200"/>
                  <a:gd name="connsiteY5" fmla="*/ 25053 h 279400"/>
                  <a:gd name="connsiteX6" fmla="*/ 213687 w 330200"/>
                  <a:gd name="connsiteY6" fmla="*/ 25053 h 279400"/>
                  <a:gd name="connsiteX7" fmla="*/ 213687 w 330200"/>
                  <a:gd name="connsiteY7" fmla="*/ 0 h 279400"/>
                  <a:gd name="connsiteX8" fmla="*/ 118495 w 330200"/>
                  <a:gd name="connsiteY8" fmla="*/ 0 h 279400"/>
                  <a:gd name="connsiteX9" fmla="*/ 118495 w 330200"/>
                  <a:gd name="connsiteY9" fmla="*/ 25053 h 279400"/>
                  <a:gd name="connsiteX10" fmla="*/ 95192 w 330200"/>
                  <a:gd name="connsiteY10" fmla="*/ 25053 h 279400"/>
                  <a:gd name="connsiteX11" fmla="*/ 95192 w 330200"/>
                  <a:gd name="connsiteY11" fmla="*/ 0 h 279400"/>
                  <a:gd name="connsiteX12" fmla="*/ 0 w 330200"/>
                  <a:gd name="connsiteY12" fmla="*/ 0 h 279400"/>
                  <a:gd name="connsiteX13" fmla="*/ 0 w 330200"/>
                  <a:gd name="connsiteY13" fmla="*/ 62679 h 279400"/>
                  <a:gd name="connsiteX14" fmla="*/ 95192 w 330200"/>
                  <a:gd name="connsiteY14" fmla="*/ 62679 h 279400"/>
                  <a:gd name="connsiteX15" fmla="*/ 95192 w 330200"/>
                  <a:gd name="connsiteY15" fmla="*/ 37626 h 279400"/>
                  <a:gd name="connsiteX16" fmla="*/ 118495 w 330200"/>
                  <a:gd name="connsiteY16" fmla="*/ 37626 h 279400"/>
                  <a:gd name="connsiteX17" fmla="*/ 118495 w 330200"/>
                  <a:gd name="connsiteY17" fmla="*/ 62679 h 279400"/>
                  <a:gd name="connsiteX18" fmla="*/ 159722 w 330200"/>
                  <a:gd name="connsiteY18" fmla="*/ 62679 h 279400"/>
                  <a:gd name="connsiteX19" fmla="*/ 159722 w 330200"/>
                  <a:gd name="connsiteY19" fmla="*/ 108407 h 279400"/>
                  <a:gd name="connsiteX20" fmla="*/ 118495 w 330200"/>
                  <a:gd name="connsiteY20" fmla="*/ 108407 h 279400"/>
                  <a:gd name="connsiteX21" fmla="*/ 118495 w 330200"/>
                  <a:gd name="connsiteY21" fmla="*/ 170993 h 279400"/>
                  <a:gd name="connsiteX22" fmla="*/ 159722 w 330200"/>
                  <a:gd name="connsiteY22" fmla="*/ 170993 h 279400"/>
                  <a:gd name="connsiteX23" fmla="*/ 159722 w 330200"/>
                  <a:gd name="connsiteY23" fmla="*/ 216721 h 279400"/>
                  <a:gd name="connsiteX24" fmla="*/ 118495 w 330200"/>
                  <a:gd name="connsiteY24" fmla="*/ 216721 h 279400"/>
                  <a:gd name="connsiteX25" fmla="*/ 118495 w 330200"/>
                  <a:gd name="connsiteY25" fmla="*/ 279400 h 279400"/>
                  <a:gd name="connsiteX26" fmla="*/ 213687 w 330200"/>
                  <a:gd name="connsiteY26" fmla="*/ 279400 h 279400"/>
                  <a:gd name="connsiteX27" fmla="*/ 213687 w 330200"/>
                  <a:gd name="connsiteY27" fmla="*/ 216721 h 279400"/>
                  <a:gd name="connsiteX28" fmla="*/ 172459 w 330200"/>
                  <a:gd name="connsiteY28" fmla="*/ 216721 h 279400"/>
                  <a:gd name="connsiteX29" fmla="*/ 172459 w 330200"/>
                  <a:gd name="connsiteY29" fmla="*/ 170993 h 279400"/>
                  <a:gd name="connsiteX30" fmla="*/ 213687 w 330200"/>
                  <a:gd name="connsiteY30" fmla="*/ 170993 h 279400"/>
                  <a:gd name="connsiteX31" fmla="*/ 213687 w 330200"/>
                  <a:gd name="connsiteY31" fmla="*/ 108407 h 279400"/>
                  <a:gd name="connsiteX32" fmla="*/ 172459 w 330200"/>
                  <a:gd name="connsiteY32" fmla="*/ 108407 h 279400"/>
                  <a:gd name="connsiteX33" fmla="*/ 172459 w 330200"/>
                  <a:gd name="connsiteY33" fmla="*/ 62679 h 279400"/>
                  <a:gd name="connsiteX34" fmla="*/ 213687 w 330200"/>
                  <a:gd name="connsiteY34" fmla="*/ 62679 h 279400"/>
                  <a:gd name="connsiteX35" fmla="*/ 213687 w 330200"/>
                  <a:gd name="connsiteY35" fmla="*/ 37626 h 279400"/>
                  <a:gd name="connsiteX36" fmla="*/ 236989 w 330200"/>
                  <a:gd name="connsiteY36" fmla="*/ 37626 h 279400"/>
                  <a:gd name="connsiteX37" fmla="*/ 236989 w 330200"/>
                  <a:gd name="connsiteY37" fmla="*/ 62679 h 279400"/>
                  <a:gd name="connsiteX38" fmla="*/ 278217 w 330200"/>
                  <a:gd name="connsiteY38" fmla="*/ 62679 h 279400"/>
                  <a:gd name="connsiteX39" fmla="*/ 278217 w 330200"/>
                  <a:gd name="connsiteY39" fmla="*/ 108407 h 279400"/>
                  <a:gd name="connsiteX40" fmla="*/ 236989 w 330200"/>
                  <a:gd name="connsiteY40" fmla="*/ 108407 h 279400"/>
                  <a:gd name="connsiteX41" fmla="*/ 236989 w 330200"/>
                  <a:gd name="connsiteY41" fmla="*/ 170993 h 279400"/>
                  <a:gd name="connsiteX42" fmla="*/ 332181 w 330200"/>
                  <a:gd name="connsiteY42" fmla="*/ 170993 h 279400"/>
                  <a:gd name="connsiteX43" fmla="*/ 332181 w 330200"/>
                  <a:gd name="connsiteY43" fmla="*/ 108407 h 279400"/>
                  <a:gd name="connsiteX44" fmla="*/ 290953 w 330200"/>
                  <a:gd name="connsiteY44" fmla="*/ 108407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</a:cxnLst>
                <a:rect l="l" t="t" r="r" b="b"/>
                <a:pathLst>
                  <a:path w="330200" h="279400">
                    <a:moveTo>
                      <a:pt x="290953" y="108407"/>
                    </a:moveTo>
                    <a:lnTo>
                      <a:pt x="290953" y="62679"/>
                    </a:lnTo>
                    <a:lnTo>
                      <a:pt x="332181" y="62679"/>
                    </a:lnTo>
                    <a:lnTo>
                      <a:pt x="332181" y="0"/>
                    </a:lnTo>
                    <a:lnTo>
                      <a:pt x="236989" y="0"/>
                    </a:lnTo>
                    <a:lnTo>
                      <a:pt x="236989" y="25053"/>
                    </a:lnTo>
                    <a:lnTo>
                      <a:pt x="213687" y="25053"/>
                    </a:lnTo>
                    <a:lnTo>
                      <a:pt x="213687" y="0"/>
                    </a:lnTo>
                    <a:lnTo>
                      <a:pt x="118495" y="0"/>
                    </a:lnTo>
                    <a:lnTo>
                      <a:pt x="118495" y="25053"/>
                    </a:lnTo>
                    <a:lnTo>
                      <a:pt x="95192" y="25053"/>
                    </a:lnTo>
                    <a:lnTo>
                      <a:pt x="95192" y="0"/>
                    </a:lnTo>
                    <a:lnTo>
                      <a:pt x="0" y="0"/>
                    </a:lnTo>
                    <a:lnTo>
                      <a:pt x="0" y="62679"/>
                    </a:lnTo>
                    <a:lnTo>
                      <a:pt x="95192" y="62679"/>
                    </a:lnTo>
                    <a:lnTo>
                      <a:pt x="95192" y="37626"/>
                    </a:lnTo>
                    <a:lnTo>
                      <a:pt x="118495" y="37626"/>
                    </a:lnTo>
                    <a:lnTo>
                      <a:pt x="118495" y="62679"/>
                    </a:lnTo>
                    <a:lnTo>
                      <a:pt x="159722" y="62679"/>
                    </a:lnTo>
                    <a:lnTo>
                      <a:pt x="159722" y="108407"/>
                    </a:lnTo>
                    <a:lnTo>
                      <a:pt x="118495" y="108407"/>
                    </a:lnTo>
                    <a:lnTo>
                      <a:pt x="118495" y="170993"/>
                    </a:lnTo>
                    <a:lnTo>
                      <a:pt x="159722" y="170993"/>
                    </a:lnTo>
                    <a:lnTo>
                      <a:pt x="159722" y="216721"/>
                    </a:lnTo>
                    <a:lnTo>
                      <a:pt x="118495" y="216721"/>
                    </a:lnTo>
                    <a:lnTo>
                      <a:pt x="118495" y="279400"/>
                    </a:lnTo>
                    <a:lnTo>
                      <a:pt x="213687" y="279400"/>
                    </a:lnTo>
                    <a:lnTo>
                      <a:pt x="213687" y="216721"/>
                    </a:lnTo>
                    <a:lnTo>
                      <a:pt x="172459" y="216721"/>
                    </a:lnTo>
                    <a:lnTo>
                      <a:pt x="172459" y="170993"/>
                    </a:lnTo>
                    <a:lnTo>
                      <a:pt x="213687" y="170993"/>
                    </a:lnTo>
                    <a:lnTo>
                      <a:pt x="213687" y="108407"/>
                    </a:lnTo>
                    <a:lnTo>
                      <a:pt x="172459" y="108407"/>
                    </a:lnTo>
                    <a:lnTo>
                      <a:pt x="172459" y="62679"/>
                    </a:lnTo>
                    <a:lnTo>
                      <a:pt x="213687" y="62679"/>
                    </a:lnTo>
                    <a:lnTo>
                      <a:pt x="213687" y="37626"/>
                    </a:lnTo>
                    <a:lnTo>
                      <a:pt x="236989" y="37626"/>
                    </a:lnTo>
                    <a:lnTo>
                      <a:pt x="236989" y="62679"/>
                    </a:lnTo>
                    <a:lnTo>
                      <a:pt x="278217" y="62679"/>
                    </a:lnTo>
                    <a:lnTo>
                      <a:pt x="278217" y="108407"/>
                    </a:lnTo>
                    <a:lnTo>
                      <a:pt x="236989" y="108407"/>
                    </a:lnTo>
                    <a:lnTo>
                      <a:pt x="236989" y="170993"/>
                    </a:lnTo>
                    <a:lnTo>
                      <a:pt x="332181" y="170993"/>
                    </a:lnTo>
                    <a:lnTo>
                      <a:pt x="332181" y="108407"/>
                    </a:lnTo>
                    <a:lnTo>
                      <a:pt x="290953" y="108407"/>
                    </a:lnTo>
                    <a:close/>
                  </a:path>
                </a:pathLst>
              </a:custGeom>
              <a:grpFill/>
              <a:ln w="9253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bg1"/>
                  </a:solidFill>
                </a:endParaRPr>
              </a:p>
            </p:txBody>
          </p:sp>
          <p:sp>
            <p:nvSpPr>
              <p:cNvPr id="50" name="Tekstvak 107">
                <a:extLst>
                  <a:ext uri="{FF2B5EF4-FFF2-40B4-BE49-F238E27FC236}">
                    <a16:creationId xmlns="" xmlns:a16="http://schemas.microsoft.com/office/drawing/2014/main" id="{9D4A961B-4E7A-419E-B2A4-35B0240D4443}"/>
                  </a:ext>
                </a:extLst>
              </p:cNvPr>
              <p:cNvSpPr txBox="1"/>
              <p:nvPr/>
            </p:nvSpPr>
            <p:spPr>
              <a:xfrm>
                <a:off x="3416681" y="118662"/>
                <a:ext cx="664094" cy="175435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Карта сайта</a:t>
                </a:r>
              </a:p>
            </p:txBody>
          </p:sp>
        </p:grpSp>
        <p:grpSp>
          <p:nvGrpSpPr>
            <p:cNvPr id="30" name="Groep 162">
              <a:extLst>
                <a:ext uri="{FF2B5EF4-FFF2-40B4-BE49-F238E27FC236}">
                  <a16:creationId xmlns="" xmlns:a16="http://schemas.microsoft.com/office/drawing/2014/main" id="{ABA2AD31-2DA0-42BB-A57B-3F1352C404A4}"/>
                </a:ext>
              </a:extLst>
            </p:cNvPr>
            <p:cNvGrpSpPr/>
            <p:nvPr/>
          </p:nvGrpSpPr>
          <p:grpSpPr>
            <a:xfrm>
              <a:off x="3983440" y="107691"/>
              <a:ext cx="1098711" cy="205629"/>
              <a:chOff x="4325235" y="107691"/>
              <a:chExt cx="1098711" cy="205629"/>
            </a:xfrm>
            <a:grpFill/>
          </p:grpSpPr>
          <p:sp>
            <p:nvSpPr>
              <p:cNvPr id="47" name="Graphic 13">
                <a:extLst>
                  <a:ext uri="{FF2B5EF4-FFF2-40B4-BE49-F238E27FC236}">
                    <a16:creationId xmlns="" xmlns:a16="http://schemas.microsoft.com/office/drawing/2014/main" id="{A32A9128-3F99-43A7-B98A-567D69664395}"/>
                  </a:ext>
                </a:extLst>
              </p:cNvPr>
              <p:cNvSpPr/>
              <p:nvPr/>
            </p:nvSpPr>
            <p:spPr>
              <a:xfrm>
                <a:off x="4325235" y="107691"/>
                <a:ext cx="217526" cy="205629"/>
              </a:xfrm>
              <a:custGeom>
                <a:avLst/>
                <a:gdLst>
                  <a:gd name="connsiteX0" fmla="*/ 203200 w 295563"/>
                  <a:gd name="connsiteY0" fmla="*/ 254068 h 279400"/>
                  <a:gd name="connsiteX1" fmla="*/ 149537 w 295563"/>
                  <a:gd name="connsiteY1" fmla="*/ 219981 h 279400"/>
                  <a:gd name="connsiteX2" fmla="*/ 96797 w 295563"/>
                  <a:gd name="connsiteY2" fmla="*/ 255372 h 279400"/>
                  <a:gd name="connsiteX3" fmla="*/ 112314 w 295563"/>
                  <a:gd name="connsiteY3" fmla="*/ 193345 h 279400"/>
                  <a:gd name="connsiteX4" fmla="*/ 62253 w 295563"/>
                  <a:gd name="connsiteY4" fmla="*/ 153670 h 279400"/>
                  <a:gd name="connsiteX5" fmla="*/ 125522 w 295563"/>
                  <a:gd name="connsiteY5" fmla="*/ 149479 h 279400"/>
                  <a:gd name="connsiteX6" fmla="*/ 147782 w 295563"/>
                  <a:gd name="connsiteY6" fmla="*/ 89501 h 279400"/>
                  <a:gd name="connsiteX7" fmla="*/ 171150 w 295563"/>
                  <a:gd name="connsiteY7" fmla="*/ 149013 h 279400"/>
                  <a:gd name="connsiteX8" fmla="*/ 234511 w 295563"/>
                  <a:gd name="connsiteY8" fmla="*/ 151714 h 279400"/>
                  <a:gd name="connsiteX9" fmla="*/ 185836 w 295563"/>
                  <a:gd name="connsiteY9" fmla="*/ 192600 h 279400"/>
                  <a:gd name="connsiteX10" fmla="*/ 108435 w 295563"/>
                  <a:gd name="connsiteY10" fmla="*/ 24308 h 279400"/>
                  <a:gd name="connsiteX11" fmla="*/ 192763 w 295563"/>
                  <a:gd name="connsiteY11" fmla="*/ 24308 h 279400"/>
                  <a:gd name="connsiteX12" fmla="*/ 192763 w 295563"/>
                  <a:gd name="connsiteY12" fmla="*/ 60723 h 279400"/>
                  <a:gd name="connsiteX13" fmla="*/ 108435 w 295563"/>
                  <a:gd name="connsiteY13" fmla="*/ 60723 h 279400"/>
                  <a:gd name="connsiteX14" fmla="*/ 228508 w 295563"/>
                  <a:gd name="connsiteY14" fmla="*/ 60723 h 279400"/>
                  <a:gd name="connsiteX15" fmla="*/ 228508 w 295563"/>
                  <a:gd name="connsiteY15" fmla="*/ 0 h 279400"/>
                  <a:gd name="connsiteX16" fmla="*/ 71489 w 295563"/>
                  <a:gd name="connsiteY16" fmla="*/ 0 h 279400"/>
                  <a:gd name="connsiteX17" fmla="*/ 71489 w 295563"/>
                  <a:gd name="connsiteY17" fmla="*/ 60723 h 279400"/>
                  <a:gd name="connsiteX18" fmla="*/ 0 w 295563"/>
                  <a:gd name="connsiteY18" fmla="*/ 60723 h 279400"/>
                  <a:gd name="connsiteX19" fmla="*/ 0 w 295563"/>
                  <a:gd name="connsiteY19" fmla="*/ 279400 h 279400"/>
                  <a:gd name="connsiteX20" fmla="*/ 301198 w 295563"/>
                  <a:gd name="connsiteY20" fmla="*/ 279400 h 279400"/>
                  <a:gd name="connsiteX21" fmla="*/ 301198 w 295563"/>
                  <a:gd name="connsiteY21" fmla="*/ 60723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295563" h="279400">
                    <a:moveTo>
                      <a:pt x="203200" y="254068"/>
                    </a:moveTo>
                    <a:lnTo>
                      <a:pt x="149537" y="219981"/>
                    </a:lnTo>
                    <a:lnTo>
                      <a:pt x="96797" y="255372"/>
                    </a:lnTo>
                    <a:lnTo>
                      <a:pt x="112314" y="193345"/>
                    </a:lnTo>
                    <a:lnTo>
                      <a:pt x="62253" y="153670"/>
                    </a:lnTo>
                    <a:lnTo>
                      <a:pt x="125522" y="149479"/>
                    </a:lnTo>
                    <a:lnTo>
                      <a:pt x="147782" y="89501"/>
                    </a:lnTo>
                    <a:lnTo>
                      <a:pt x="171150" y="149013"/>
                    </a:lnTo>
                    <a:lnTo>
                      <a:pt x="234511" y="151714"/>
                    </a:lnTo>
                    <a:lnTo>
                      <a:pt x="185836" y="192600"/>
                    </a:lnTo>
                    <a:close/>
                    <a:moveTo>
                      <a:pt x="108435" y="24308"/>
                    </a:moveTo>
                    <a:lnTo>
                      <a:pt x="192763" y="24308"/>
                    </a:lnTo>
                    <a:lnTo>
                      <a:pt x="192763" y="60723"/>
                    </a:lnTo>
                    <a:lnTo>
                      <a:pt x="108435" y="60723"/>
                    </a:lnTo>
                    <a:close/>
                    <a:moveTo>
                      <a:pt x="228508" y="60723"/>
                    </a:moveTo>
                    <a:lnTo>
                      <a:pt x="228508" y="0"/>
                    </a:lnTo>
                    <a:lnTo>
                      <a:pt x="71489" y="0"/>
                    </a:lnTo>
                    <a:lnTo>
                      <a:pt x="71489" y="60723"/>
                    </a:lnTo>
                    <a:lnTo>
                      <a:pt x="0" y="60723"/>
                    </a:lnTo>
                    <a:lnTo>
                      <a:pt x="0" y="279400"/>
                    </a:lnTo>
                    <a:lnTo>
                      <a:pt x="301198" y="279400"/>
                    </a:lnTo>
                    <a:lnTo>
                      <a:pt x="301198" y="60723"/>
                    </a:lnTo>
                    <a:close/>
                  </a:path>
                </a:pathLst>
              </a:custGeom>
              <a:grpFill/>
              <a:ln w="9236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bg1"/>
                  </a:solidFill>
                </a:endParaRPr>
              </a:p>
            </p:txBody>
          </p:sp>
          <p:sp>
            <p:nvSpPr>
              <p:cNvPr id="48" name="Tekstvak 103">
                <a:extLst>
                  <a:ext uri="{FF2B5EF4-FFF2-40B4-BE49-F238E27FC236}">
                    <a16:creationId xmlns="" xmlns:a16="http://schemas.microsoft.com/office/drawing/2014/main" id="{46C0ED37-A2D6-41A1-A513-E76D1D10A9BA}"/>
                  </a:ext>
                </a:extLst>
              </p:cNvPr>
              <p:cNvSpPr txBox="1"/>
              <p:nvPr/>
            </p:nvSpPr>
            <p:spPr>
              <a:xfrm>
                <a:off x="4667607" y="118662"/>
                <a:ext cx="757094" cy="175435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Ресурсы</a:t>
                </a:r>
              </a:p>
            </p:txBody>
          </p:sp>
        </p:grpSp>
      </p:grpSp>
      <p:pic>
        <p:nvPicPr>
          <p:cNvPr id="63" name="Picture 62">
            <a:extLst>
              <a:ext uri="{FF2B5EF4-FFF2-40B4-BE49-F238E27FC236}">
                <a16:creationId xmlns="" xmlns:a16="http://schemas.microsoft.com/office/drawing/2014/main" id="{9AA6BABD-AA3F-4CFC-9A8A-F941759ACF8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4456" y="6268150"/>
            <a:ext cx="1382889" cy="314188"/>
          </a:xfrm>
          <a:prstGeom prst="rect">
            <a:avLst/>
          </a:prstGeom>
        </p:spPr>
      </p:pic>
      <p:pic>
        <p:nvPicPr>
          <p:cNvPr id="64" name="Afbeelding 75">
            <a:extLst>
              <a:ext uri="{FF2B5EF4-FFF2-40B4-BE49-F238E27FC236}">
                <a16:creationId xmlns="" xmlns:a16="http://schemas.microsoft.com/office/drawing/2014/main" id="{8B3811DE-072C-435D-B4B8-CE03B2179A02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rcRect r="86352"/>
          <a:stretch>
            <a:fillRect/>
          </a:stretch>
        </p:blipFill>
        <p:spPr>
          <a:xfrm>
            <a:off x="-17566" y="-16200"/>
            <a:ext cx="1664019" cy="6858000"/>
          </a:xfrm>
          <a:prstGeom prst="rect">
            <a:avLst/>
          </a:prstGeom>
          <a:ln>
            <a:noFill/>
          </a:ln>
        </p:spPr>
      </p:pic>
      <p:sp>
        <p:nvSpPr>
          <p:cNvPr id="65" name="Vrije vorm 101">
            <a:extLst>
              <a:ext uri="{FF2B5EF4-FFF2-40B4-BE49-F238E27FC236}">
                <a16:creationId xmlns="" xmlns:a16="http://schemas.microsoft.com/office/drawing/2014/main" id="{09B77577-3766-41D9-B65E-3C215511CC54}"/>
              </a:ext>
            </a:extLst>
          </p:cNvPr>
          <p:cNvSpPr/>
          <p:nvPr userDrawn="1"/>
        </p:nvSpPr>
        <p:spPr>
          <a:xfrm>
            <a:off x="6934845" y="107692"/>
            <a:ext cx="252363" cy="205629"/>
          </a:xfrm>
          <a:custGeom>
            <a:avLst/>
            <a:gdLst>
              <a:gd name="connsiteX0" fmla="*/ 0 w 257175"/>
              <a:gd name="connsiteY0" fmla="*/ 0 h 279400"/>
              <a:gd name="connsiteX1" fmla="*/ 0 w 257175"/>
              <a:gd name="connsiteY1" fmla="*/ 279400 h 279400"/>
              <a:gd name="connsiteX2" fmla="*/ 262890 w 257175"/>
              <a:gd name="connsiteY2" fmla="*/ 279400 h 279400"/>
              <a:gd name="connsiteX3" fmla="*/ 262890 w 257175"/>
              <a:gd name="connsiteY3" fmla="*/ 0 h 279400"/>
              <a:gd name="connsiteX4" fmla="*/ 240030 w 257175"/>
              <a:gd name="connsiteY4" fmla="*/ 257048 h 279400"/>
              <a:gd name="connsiteX5" fmla="*/ 194310 w 257175"/>
              <a:gd name="connsiteY5" fmla="*/ 257048 h 279400"/>
              <a:gd name="connsiteX6" fmla="*/ 194310 w 257175"/>
              <a:gd name="connsiteY6" fmla="*/ 167640 h 279400"/>
              <a:gd name="connsiteX7" fmla="*/ 170783 w 257175"/>
              <a:gd name="connsiteY7" fmla="*/ 145288 h 279400"/>
              <a:gd name="connsiteX8" fmla="*/ 92869 w 257175"/>
              <a:gd name="connsiteY8" fmla="*/ 145288 h 279400"/>
              <a:gd name="connsiteX9" fmla="*/ 68580 w 257175"/>
              <a:gd name="connsiteY9" fmla="*/ 167640 h 279400"/>
              <a:gd name="connsiteX10" fmla="*/ 68580 w 257175"/>
              <a:gd name="connsiteY10" fmla="*/ 257048 h 279400"/>
              <a:gd name="connsiteX11" fmla="*/ 22860 w 257175"/>
              <a:gd name="connsiteY11" fmla="*/ 257048 h 279400"/>
              <a:gd name="connsiteX12" fmla="*/ 22860 w 257175"/>
              <a:gd name="connsiteY12" fmla="*/ 22352 h 279400"/>
              <a:gd name="connsiteX13" fmla="*/ 240030 w 257175"/>
              <a:gd name="connsiteY13" fmla="*/ 22352 h 279400"/>
              <a:gd name="connsiteX14" fmla="*/ 240030 w 257175"/>
              <a:gd name="connsiteY14" fmla="*/ 257048 h 279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257175" h="279400">
                <a:moveTo>
                  <a:pt x="0" y="0"/>
                </a:moveTo>
                <a:lnTo>
                  <a:pt x="0" y="279400"/>
                </a:lnTo>
                <a:lnTo>
                  <a:pt x="262890" y="279400"/>
                </a:lnTo>
                <a:lnTo>
                  <a:pt x="262890" y="0"/>
                </a:lnTo>
                <a:close/>
                <a:moveTo>
                  <a:pt x="240030" y="257048"/>
                </a:moveTo>
                <a:lnTo>
                  <a:pt x="194310" y="257048"/>
                </a:lnTo>
                <a:lnTo>
                  <a:pt x="194310" y="167640"/>
                </a:lnTo>
                <a:cubicBezTo>
                  <a:pt x="193999" y="155169"/>
                  <a:pt x="183541" y="145234"/>
                  <a:pt x="170783" y="145288"/>
                </a:cubicBezTo>
                <a:lnTo>
                  <a:pt x="92869" y="145288"/>
                </a:lnTo>
                <a:cubicBezTo>
                  <a:pt x="79955" y="145172"/>
                  <a:pt x="69243" y="155029"/>
                  <a:pt x="68580" y="167640"/>
                </a:cubicBezTo>
                <a:lnTo>
                  <a:pt x="68580" y="257048"/>
                </a:lnTo>
                <a:lnTo>
                  <a:pt x="22860" y="257048"/>
                </a:lnTo>
                <a:lnTo>
                  <a:pt x="22860" y="22352"/>
                </a:lnTo>
                <a:lnTo>
                  <a:pt x="240030" y="22352"/>
                </a:lnTo>
                <a:lnTo>
                  <a:pt x="240030" y="257048"/>
                </a:lnTo>
                <a:close/>
              </a:path>
            </a:pathLst>
          </a:custGeom>
          <a:solidFill>
            <a:schemeClr val="bg2"/>
          </a:solidFill>
          <a:ln w="9525" cap="flat">
            <a:solidFill>
              <a:schemeClr val="bg2"/>
            </a:solidFill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66" name="Tekstvak 99">
            <a:extLst>
              <a:ext uri="{FF2B5EF4-FFF2-40B4-BE49-F238E27FC236}">
                <a16:creationId xmlns="" xmlns:a16="http://schemas.microsoft.com/office/drawing/2014/main" id="{2CF7B709-78BA-40B8-A3D3-7CB247A1BA7F}"/>
              </a:ext>
            </a:extLst>
          </p:cNvPr>
          <p:cNvSpPr txBox="1"/>
          <p:nvPr userDrawn="1"/>
        </p:nvSpPr>
        <p:spPr>
          <a:xfrm>
            <a:off x="7353495" y="30945"/>
            <a:ext cx="1364074" cy="350871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ru-RU" sz="1150" b="0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Клинические случаи </a:t>
            </a:r>
          </a:p>
        </p:txBody>
      </p:sp>
      <p:sp>
        <p:nvSpPr>
          <p:cNvPr id="67" name="Vrije vorm 95">
            <a:extLst>
              <a:ext uri="{FF2B5EF4-FFF2-40B4-BE49-F238E27FC236}">
                <a16:creationId xmlns="" xmlns:a16="http://schemas.microsoft.com/office/drawing/2014/main" id="{08A3BE42-45F4-48A6-A5F3-8BC237FC850D}"/>
              </a:ext>
            </a:extLst>
          </p:cNvPr>
          <p:cNvSpPr/>
          <p:nvPr userDrawn="1"/>
        </p:nvSpPr>
        <p:spPr>
          <a:xfrm>
            <a:off x="8737951" y="193663"/>
            <a:ext cx="224323" cy="116524"/>
          </a:xfrm>
          <a:custGeom>
            <a:avLst/>
            <a:gdLst>
              <a:gd name="connsiteX0" fmla="*/ 210952 w 228600"/>
              <a:gd name="connsiteY0" fmla="*/ 167267 h 158326"/>
              <a:gd name="connsiteX1" fmla="*/ 18197 w 228600"/>
              <a:gd name="connsiteY1" fmla="*/ 167267 h 158326"/>
              <a:gd name="connsiteX2" fmla="*/ 50932 w 228600"/>
              <a:gd name="connsiteY2" fmla="*/ 101795 h 158326"/>
              <a:gd name="connsiteX3" fmla="*/ 0 w 228600"/>
              <a:gd name="connsiteY3" fmla="*/ 0 h 158326"/>
              <a:gd name="connsiteX4" fmla="*/ 229149 w 228600"/>
              <a:gd name="connsiteY4" fmla="*/ 0 h 158326"/>
              <a:gd name="connsiteX5" fmla="*/ 178308 w 228600"/>
              <a:gd name="connsiteY5" fmla="*/ 101236 h 158326"/>
              <a:gd name="connsiteX6" fmla="*/ 210952 w 228600"/>
              <a:gd name="connsiteY6" fmla="*/ 167267 h 1583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8326">
                <a:moveTo>
                  <a:pt x="210952" y="167267"/>
                </a:moveTo>
                <a:lnTo>
                  <a:pt x="18197" y="167267"/>
                </a:lnTo>
                <a:lnTo>
                  <a:pt x="50932" y="101795"/>
                </a:lnTo>
                <a:lnTo>
                  <a:pt x="0" y="0"/>
                </a:lnTo>
                <a:lnTo>
                  <a:pt x="229149" y="0"/>
                </a:lnTo>
                <a:lnTo>
                  <a:pt x="178308" y="101236"/>
                </a:lnTo>
                <a:lnTo>
                  <a:pt x="210952" y="167267"/>
                </a:lnTo>
                <a:close/>
              </a:path>
            </a:pathLst>
          </a:custGeom>
          <a:solidFill>
            <a:schemeClr val="bg1"/>
          </a:solidFill>
          <a:ln w="9144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68" name="Vrije vorm 96">
            <a:extLst>
              <a:ext uri="{FF2B5EF4-FFF2-40B4-BE49-F238E27FC236}">
                <a16:creationId xmlns="" xmlns:a16="http://schemas.microsoft.com/office/drawing/2014/main" id="{1B8FA28B-0ECD-4CC5-9335-C378D95CBC73}"/>
              </a:ext>
            </a:extLst>
          </p:cNvPr>
          <p:cNvSpPr/>
          <p:nvPr userDrawn="1"/>
        </p:nvSpPr>
        <p:spPr>
          <a:xfrm>
            <a:off x="8877569" y="128066"/>
            <a:ext cx="35892" cy="47980"/>
          </a:xfrm>
          <a:custGeom>
            <a:avLst/>
            <a:gdLst>
              <a:gd name="connsiteX0" fmla="*/ 22311 w 36576"/>
              <a:gd name="connsiteY0" fmla="*/ 0 h 65193"/>
              <a:gd name="connsiteX1" fmla="*/ 44257 w 36576"/>
              <a:gd name="connsiteY1" fmla="*/ 0 h 65193"/>
              <a:gd name="connsiteX2" fmla="*/ 21854 w 36576"/>
              <a:gd name="connsiteY2" fmla="*/ 66870 h 65193"/>
              <a:gd name="connsiteX3" fmla="*/ 0 w 36576"/>
              <a:gd name="connsiteY3" fmla="*/ 66870 h 65193"/>
              <a:gd name="connsiteX4" fmla="*/ 22311 w 36576"/>
              <a:gd name="connsiteY4" fmla="*/ 0 h 651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576" h="65193">
                <a:moveTo>
                  <a:pt x="22311" y="0"/>
                </a:moveTo>
                <a:lnTo>
                  <a:pt x="44257" y="0"/>
                </a:lnTo>
                <a:lnTo>
                  <a:pt x="21854" y="66870"/>
                </a:lnTo>
                <a:lnTo>
                  <a:pt x="0" y="66870"/>
                </a:lnTo>
                <a:lnTo>
                  <a:pt x="22311" y="0"/>
                </a:lnTo>
                <a:close/>
              </a:path>
            </a:pathLst>
          </a:custGeom>
          <a:solidFill>
            <a:schemeClr val="bg1"/>
          </a:solidFill>
          <a:ln w="9144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69" name="Vrije vorm 97">
            <a:extLst>
              <a:ext uri="{FF2B5EF4-FFF2-40B4-BE49-F238E27FC236}">
                <a16:creationId xmlns="" xmlns:a16="http://schemas.microsoft.com/office/drawing/2014/main" id="{0F87CFBF-0BBD-4662-ABBC-343E0573B7B8}"/>
              </a:ext>
            </a:extLst>
          </p:cNvPr>
          <p:cNvSpPr/>
          <p:nvPr userDrawn="1"/>
        </p:nvSpPr>
        <p:spPr>
          <a:xfrm>
            <a:off x="8885557" y="111136"/>
            <a:ext cx="44864" cy="34272"/>
          </a:xfrm>
          <a:custGeom>
            <a:avLst/>
            <a:gdLst>
              <a:gd name="connsiteX0" fmla="*/ 49377 w 45720"/>
              <a:gd name="connsiteY0" fmla="*/ 25053 h 46566"/>
              <a:gd name="connsiteX1" fmla="*/ 24780 w 45720"/>
              <a:gd name="connsiteY1" fmla="*/ 50292 h 46566"/>
              <a:gd name="connsiteX2" fmla="*/ 0 w 45720"/>
              <a:gd name="connsiteY2" fmla="*/ 25239 h 46566"/>
              <a:gd name="connsiteX3" fmla="*/ 24597 w 45720"/>
              <a:gd name="connsiteY3" fmla="*/ 0 h 46566"/>
              <a:gd name="connsiteX4" fmla="*/ 24689 w 45720"/>
              <a:gd name="connsiteY4" fmla="*/ 0 h 46566"/>
              <a:gd name="connsiteX5" fmla="*/ 49377 w 45720"/>
              <a:gd name="connsiteY5" fmla="*/ 25053 h 4656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5720" h="46566">
                <a:moveTo>
                  <a:pt x="49377" y="25053"/>
                </a:moveTo>
                <a:cubicBezTo>
                  <a:pt x="49428" y="38941"/>
                  <a:pt x="38415" y="50240"/>
                  <a:pt x="24780" y="50292"/>
                </a:cubicBezTo>
                <a:cubicBezTo>
                  <a:pt x="11145" y="50343"/>
                  <a:pt x="51" y="39127"/>
                  <a:pt x="0" y="25239"/>
                </a:cubicBezTo>
                <a:cubicBezTo>
                  <a:pt x="-50" y="11351"/>
                  <a:pt x="10962" y="52"/>
                  <a:pt x="24597" y="0"/>
                </a:cubicBezTo>
                <a:cubicBezTo>
                  <a:pt x="24628" y="0"/>
                  <a:pt x="24658" y="0"/>
                  <a:pt x="24689" y="0"/>
                </a:cubicBezTo>
                <a:cubicBezTo>
                  <a:pt x="38288" y="0"/>
                  <a:pt x="49327" y="11201"/>
                  <a:pt x="49377" y="25053"/>
                </a:cubicBezTo>
              </a:path>
            </a:pathLst>
          </a:custGeom>
          <a:solidFill>
            <a:schemeClr val="bg1"/>
          </a:solidFill>
          <a:ln w="9144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70" name="Tekstvak 94">
            <a:extLst>
              <a:ext uri="{FF2B5EF4-FFF2-40B4-BE49-F238E27FC236}">
                <a16:creationId xmlns="" xmlns:a16="http://schemas.microsoft.com/office/drawing/2014/main" id="{CF22126B-C113-414D-B073-29C6B54FC7F8}"/>
              </a:ext>
            </a:extLst>
          </p:cNvPr>
          <p:cNvSpPr txBox="1"/>
          <p:nvPr userDrawn="1"/>
        </p:nvSpPr>
        <p:spPr>
          <a:xfrm>
            <a:off x="9123568" y="118662"/>
            <a:ext cx="566075" cy="175435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ru-RU" sz="1150" b="0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ИМП</a:t>
            </a:r>
            <a:endParaRPr lang="nl-NL" sz="1150" b="0" i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1" name="Vrije vorm 91">
            <a:extLst>
              <a:ext uri="{FF2B5EF4-FFF2-40B4-BE49-F238E27FC236}">
                <a16:creationId xmlns="" xmlns:a16="http://schemas.microsoft.com/office/drawing/2014/main" id="{560295E8-7ADF-4891-9385-08D644DA9F84}"/>
              </a:ext>
            </a:extLst>
          </p:cNvPr>
          <p:cNvSpPr/>
          <p:nvPr userDrawn="1"/>
        </p:nvSpPr>
        <p:spPr>
          <a:xfrm>
            <a:off x="10082934" y="108445"/>
            <a:ext cx="221559" cy="164503"/>
          </a:xfrm>
          <a:custGeom>
            <a:avLst/>
            <a:gdLst>
              <a:gd name="connsiteX0" fmla="*/ 72437 w 225777"/>
              <a:gd name="connsiteY0" fmla="*/ 230319 h 223520"/>
              <a:gd name="connsiteX1" fmla="*/ 0 w 225777"/>
              <a:gd name="connsiteY1" fmla="*/ 165964 h 223520"/>
              <a:gd name="connsiteX2" fmla="*/ 0 w 225777"/>
              <a:gd name="connsiteY2" fmla="*/ 165964 h 223520"/>
              <a:gd name="connsiteX3" fmla="*/ 28504 w 225777"/>
              <a:gd name="connsiteY3" fmla="*/ 127500 h 223520"/>
              <a:gd name="connsiteX4" fmla="*/ 68580 w 225777"/>
              <a:gd name="connsiteY4" fmla="*/ 183566 h 223520"/>
              <a:gd name="connsiteX5" fmla="*/ 190688 w 225777"/>
              <a:gd name="connsiteY5" fmla="*/ 0 h 223520"/>
              <a:gd name="connsiteX6" fmla="*/ 226060 w 225777"/>
              <a:gd name="connsiteY6" fmla="*/ 24028 h 223520"/>
              <a:gd name="connsiteX7" fmla="*/ 72437 w 225777"/>
              <a:gd name="connsiteY7" fmla="*/ 230319 h 2235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25777" h="223520">
                <a:moveTo>
                  <a:pt x="72437" y="230319"/>
                </a:moveTo>
                <a:lnTo>
                  <a:pt x="0" y="165964"/>
                </a:lnTo>
                <a:lnTo>
                  <a:pt x="0" y="165964"/>
                </a:lnTo>
                <a:lnTo>
                  <a:pt x="28504" y="127500"/>
                </a:lnTo>
                <a:lnTo>
                  <a:pt x="68580" y="183566"/>
                </a:lnTo>
                <a:lnTo>
                  <a:pt x="190688" y="0"/>
                </a:lnTo>
                <a:lnTo>
                  <a:pt x="226060" y="24028"/>
                </a:lnTo>
                <a:lnTo>
                  <a:pt x="72437" y="230319"/>
                </a:lnTo>
                <a:close/>
              </a:path>
            </a:pathLst>
          </a:custGeom>
          <a:solidFill>
            <a:schemeClr val="bg1"/>
          </a:solidFill>
          <a:ln w="9172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72" name="Vrije vorm 92">
            <a:extLst>
              <a:ext uri="{FF2B5EF4-FFF2-40B4-BE49-F238E27FC236}">
                <a16:creationId xmlns="" xmlns:a16="http://schemas.microsoft.com/office/drawing/2014/main" id="{3D861370-C299-4F76-B443-5294AE040033}"/>
              </a:ext>
            </a:extLst>
          </p:cNvPr>
          <p:cNvSpPr/>
          <p:nvPr userDrawn="1"/>
        </p:nvSpPr>
        <p:spPr>
          <a:xfrm>
            <a:off x="10053723" y="113791"/>
            <a:ext cx="221556" cy="198775"/>
          </a:xfrm>
          <a:custGeom>
            <a:avLst/>
            <a:gdLst>
              <a:gd name="connsiteX0" fmla="*/ 229070 w 225777"/>
              <a:gd name="connsiteY0" fmla="*/ 272136 h 270086"/>
              <a:gd name="connsiteX1" fmla="*/ 0 w 225777"/>
              <a:gd name="connsiteY1" fmla="*/ 272136 h 270086"/>
              <a:gd name="connsiteX2" fmla="*/ 0 w 225777"/>
              <a:gd name="connsiteY2" fmla="*/ 0 h 270086"/>
              <a:gd name="connsiteX3" fmla="*/ 187960 w 225777"/>
              <a:gd name="connsiteY3" fmla="*/ 0 h 270086"/>
              <a:gd name="connsiteX4" fmla="*/ 172720 w 225777"/>
              <a:gd name="connsiteY4" fmla="*/ 22631 h 270086"/>
              <a:gd name="connsiteX5" fmla="*/ 22954 w 225777"/>
              <a:gd name="connsiteY5" fmla="*/ 22631 h 270086"/>
              <a:gd name="connsiteX6" fmla="*/ 22954 w 225777"/>
              <a:gd name="connsiteY6" fmla="*/ 249504 h 270086"/>
              <a:gd name="connsiteX7" fmla="*/ 206210 w 225777"/>
              <a:gd name="connsiteY7" fmla="*/ 249504 h 270086"/>
              <a:gd name="connsiteX8" fmla="*/ 206210 w 225777"/>
              <a:gd name="connsiteY8" fmla="*/ 139886 h 270086"/>
              <a:gd name="connsiteX9" fmla="*/ 229070 w 225777"/>
              <a:gd name="connsiteY9" fmla="*/ 107755 h 270086"/>
              <a:gd name="connsiteX10" fmla="*/ 229070 w 225777"/>
              <a:gd name="connsiteY10" fmla="*/ 272136 h 2700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225777" h="270086">
                <a:moveTo>
                  <a:pt x="229070" y="272136"/>
                </a:moveTo>
                <a:lnTo>
                  <a:pt x="0" y="272136"/>
                </a:lnTo>
                <a:lnTo>
                  <a:pt x="0" y="0"/>
                </a:lnTo>
                <a:lnTo>
                  <a:pt x="187960" y="0"/>
                </a:lnTo>
                <a:lnTo>
                  <a:pt x="172720" y="22631"/>
                </a:lnTo>
                <a:lnTo>
                  <a:pt x="22954" y="22631"/>
                </a:lnTo>
                <a:lnTo>
                  <a:pt x="22954" y="249504"/>
                </a:lnTo>
                <a:lnTo>
                  <a:pt x="206210" y="249504"/>
                </a:lnTo>
                <a:lnTo>
                  <a:pt x="206210" y="139886"/>
                </a:lnTo>
                <a:lnTo>
                  <a:pt x="229070" y="107755"/>
                </a:lnTo>
                <a:lnTo>
                  <a:pt x="229070" y="272136"/>
                </a:lnTo>
                <a:close/>
              </a:path>
            </a:pathLst>
          </a:custGeom>
          <a:solidFill>
            <a:schemeClr val="bg1"/>
          </a:solidFill>
          <a:ln w="9172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73" name="Tekstvak 90">
            <a:extLst>
              <a:ext uri="{FF2B5EF4-FFF2-40B4-BE49-F238E27FC236}">
                <a16:creationId xmlns="" xmlns:a16="http://schemas.microsoft.com/office/drawing/2014/main" id="{ADC8B993-DF1E-4B2E-A477-3C5B1EC9E99D}"/>
              </a:ext>
            </a:extLst>
          </p:cNvPr>
          <p:cNvSpPr txBox="1"/>
          <p:nvPr userDrawn="1"/>
        </p:nvSpPr>
        <p:spPr>
          <a:xfrm>
            <a:off x="10464133" y="118662"/>
            <a:ext cx="907205" cy="175435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ru-RU" sz="1150" b="0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Резюме</a:t>
            </a:r>
          </a:p>
        </p:txBody>
      </p:sp>
      <p:sp>
        <p:nvSpPr>
          <p:cNvPr id="74" name="Oval 73">
            <a:extLst>
              <a:ext uri="{FF2B5EF4-FFF2-40B4-BE49-F238E27FC236}">
                <a16:creationId xmlns="" xmlns:a16="http://schemas.microsoft.com/office/drawing/2014/main" id="{7237C166-4B90-4056-92C6-60B7E42AB82B}"/>
              </a:ext>
            </a:extLst>
          </p:cNvPr>
          <p:cNvSpPr/>
          <p:nvPr userDrawn="1"/>
        </p:nvSpPr>
        <p:spPr>
          <a:xfrm>
            <a:off x="7036401" y="149326"/>
            <a:ext cx="60959" cy="45719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900">
              <a:solidFill>
                <a:schemeClr val="tx1"/>
              </a:solidFill>
            </a:endParaRPr>
          </a:p>
        </p:txBody>
      </p:sp>
      <p:grpSp>
        <p:nvGrpSpPr>
          <p:cNvPr id="151" name="Groep 177">
            <a:extLst>
              <a:ext uri="{FF2B5EF4-FFF2-40B4-BE49-F238E27FC236}">
                <a16:creationId xmlns="" xmlns:a16="http://schemas.microsoft.com/office/drawing/2014/main" id="{6D49345A-263F-47A0-83A1-ABC670A43361}"/>
              </a:ext>
            </a:extLst>
          </p:cNvPr>
          <p:cNvGrpSpPr/>
          <p:nvPr userDrawn="1"/>
        </p:nvGrpSpPr>
        <p:grpSpPr>
          <a:xfrm>
            <a:off x="2136939" y="6458731"/>
            <a:ext cx="1478157" cy="199392"/>
            <a:chOff x="693440" y="6458731"/>
            <a:chExt cx="1108618" cy="199392"/>
          </a:xfrm>
        </p:grpSpPr>
        <p:grpSp>
          <p:nvGrpSpPr>
            <p:cNvPr id="152" name="Graphic 38">
              <a:extLst>
                <a:ext uri="{FF2B5EF4-FFF2-40B4-BE49-F238E27FC236}">
                  <a16:creationId xmlns="" xmlns:a16="http://schemas.microsoft.com/office/drawing/2014/main" id="{C45F11FD-7916-4C4B-A2EC-EDF24824DABA}"/>
                </a:ext>
              </a:extLst>
            </p:cNvPr>
            <p:cNvGrpSpPr/>
            <p:nvPr/>
          </p:nvGrpSpPr>
          <p:grpSpPr>
            <a:xfrm>
              <a:off x="693440" y="6458731"/>
              <a:ext cx="179970" cy="199392"/>
              <a:chOff x="4445000" y="3289300"/>
              <a:chExt cx="244535" cy="270925"/>
            </a:xfrm>
            <a:solidFill>
              <a:schemeClr val="tx1"/>
            </a:solidFill>
          </p:grpSpPr>
          <p:sp>
            <p:nvSpPr>
              <p:cNvPr id="154" name="Vrije vorm 194">
                <a:extLst>
                  <a:ext uri="{FF2B5EF4-FFF2-40B4-BE49-F238E27FC236}">
                    <a16:creationId xmlns="" xmlns:a16="http://schemas.microsoft.com/office/drawing/2014/main" id="{DA5C3FB2-3D9F-46F3-A4F6-E59FFD0E2F1F}"/>
                  </a:ext>
                </a:extLst>
              </p:cNvPr>
              <p:cNvSpPr/>
              <p:nvPr/>
            </p:nvSpPr>
            <p:spPr>
              <a:xfrm>
                <a:off x="4445000" y="3532285"/>
                <a:ext cx="56444" cy="27940"/>
              </a:xfrm>
              <a:custGeom>
                <a:avLst/>
                <a:gdLst>
                  <a:gd name="connsiteX0" fmla="*/ 0 w 56444"/>
                  <a:gd name="connsiteY0" fmla="*/ 0 h 27940"/>
                  <a:gd name="connsiteX1" fmla="*/ 61336 w 56444"/>
                  <a:gd name="connsiteY1" fmla="*/ 0 h 27940"/>
                  <a:gd name="connsiteX2" fmla="*/ 61336 w 56444"/>
                  <a:gd name="connsiteY2" fmla="*/ 36415 h 27940"/>
                  <a:gd name="connsiteX3" fmla="*/ 0 w 56444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27940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55" name="Vrije vorm 195">
                <a:extLst>
                  <a:ext uri="{FF2B5EF4-FFF2-40B4-BE49-F238E27FC236}">
                    <a16:creationId xmlns="" xmlns:a16="http://schemas.microsoft.com/office/drawing/2014/main" id="{DC25FCCB-7B9A-4058-B86D-D10D0FA5DB42}"/>
                  </a:ext>
                </a:extLst>
              </p:cNvPr>
              <p:cNvSpPr/>
              <p:nvPr/>
            </p:nvSpPr>
            <p:spPr>
              <a:xfrm>
                <a:off x="4445000" y="3495777"/>
                <a:ext cx="56444" cy="18627"/>
              </a:xfrm>
              <a:custGeom>
                <a:avLst/>
                <a:gdLst>
                  <a:gd name="connsiteX0" fmla="*/ 0 w 56444"/>
                  <a:gd name="connsiteY0" fmla="*/ 0 h 18626"/>
                  <a:gd name="connsiteX1" fmla="*/ 61336 w 56444"/>
                  <a:gd name="connsiteY1" fmla="*/ 0 h 18626"/>
                  <a:gd name="connsiteX2" fmla="*/ 61336 w 56444"/>
                  <a:gd name="connsiteY2" fmla="*/ 24308 h 18626"/>
                  <a:gd name="connsiteX3" fmla="*/ 0 w 56444"/>
                  <a:gd name="connsiteY3" fmla="*/ 24308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1862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24308"/>
                    </a:lnTo>
                    <a:lnTo>
                      <a:pt x="0" y="24308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56" name="Vrije vorm 196">
                <a:extLst>
                  <a:ext uri="{FF2B5EF4-FFF2-40B4-BE49-F238E27FC236}">
                    <a16:creationId xmlns="" xmlns:a16="http://schemas.microsoft.com/office/drawing/2014/main" id="{DD595838-35D2-4E54-84AE-DC9BDE5AE9FC}"/>
                  </a:ext>
                </a:extLst>
              </p:cNvPr>
              <p:cNvSpPr/>
              <p:nvPr/>
            </p:nvSpPr>
            <p:spPr>
              <a:xfrm>
                <a:off x="4445000" y="3374331"/>
                <a:ext cx="56444" cy="102447"/>
              </a:xfrm>
              <a:custGeom>
                <a:avLst/>
                <a:gdLst>
                  <a:gd name="connsiteX0" fmla="*/ 0 w 56444"/>
                  <a:gd name="connsiteY0" fmla="*/ 0 h 102446"/>
                  <a:gd name="connsiteX1" fmla="*/ 61336 w 56444"/>
                  <a:gd name="connsiteY1" fmla="*/ 0 h 102446"/>
                  <a:gd name="connsiteX2" fmla="*/ 61336 w 56444"/>
                  <a:gd name="connsiteY2" fmla="*/ 109339 h 102446"/>
                  <a:gd name="connsiteX3" fmla="*/ 0 w 56444"/>
                  <a:gd name="connsiteY3" fmla="*/ 109339 h 10244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10244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109339"/>
                    </a:lnTo>
                    <a:lnTo>
                      <a:pt x="0" y="109339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57" name="Vrije vorm 197">
                <a:extLst>
                  <a:ext uri="{FF2B5EF4-FFF2-40B4-BE49-F238E27FC236}">
                    <a16:creationId xmlns="" xmlns:a16="http://schemas.microsoft.com/office/drawing/2014/main" id="{5F3FE909-ED4F-47EA-AEE6-E053121A649C}"/>
                  </a:ext>
                </a:extLst>
              </p:cNvPr>
              <p:cNvSpPr/>
              <p:nvPr/>
            </p:nvSpPr>
            <p:spPr>
              <a:xfrm>
                <a:off x="4445000" y="3313608"/>
                <a:ext cx="56444" cy="46567"/>
              </a:xfrm>
              <a:custGeom>
                <a:avLst/>
                <a:gdLst>
                  <a:gd name="connsiteX0" fmla="*/ 0 w 56444"/>
                  <a:gd name="connsiteY0" fmla="*/ 0 h 46566"/>
                  <a:gd name="connsiteX1" fmla="*/ 61336 w 56444"/>
                  <a:gd name="connsiteY1" fmla="*/ 0 h 46566"/>
                  <a:gd name="connsiteX2" fmla="*/ 61336 w 56444"/>
                  <a:gd name="connsiteY2" fmla="*/ 48616 h 46566"/>
                  <a:gd name="connsiteX3" fmla="*/ 0 w 56444"/>
                  <a:gd name="connsiteY3" fmla="*/ 48616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4656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48616"/>
                    </a:lnTo>
                    <a:lnTo>
                      <a:pt x="0" y="4861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58" name="Vrije vorm 198">
                <a:extLst>
                  <a:ext uri="{FF2B5EF4-FFF2-40B4-BE49-F238E27FC236}">
                    <a16:creationId xmlns="" xmlns:a16="http://schemas.microsoft.com/office/drawing/2014/main" id="{D4BFC4EA-60CB-49DF-9043-D13171A2AC6B}"/>
                  </a:ext>
                </a:extLst>
              </p:cNvPr>
              <p:cNvSpPr/>
              <p:nvPr/>
            </p:nvSpPr>
            <p:spPr>
              <a:xfrm>
                <a:off x="4518660" y="3532285"/>
                <a:ext cx="65852" cy="27940"/>
              </a:xfrm>
              <a:custGeom>
                <a:avLst/>
                <a:gdLst>
                  <a:gd name="connsiteX0" fmla="*/ 0 w 65851"/>
                  <a:gd name="connsiteY0" fmla="*/ 0 h 27940"/>
                  <a:gd name="connsiteX1" fmla="*/ 73660 w 65851"/>
                  <a:gd name="connsiteY1" fmla="*/ 0 h 27940"/>
                  <a:gd name="connsiteX2" fmla="*/ 73660 w 65851"/>
                  <a:gd name="connsiteY2" fmla="*/ 36415 h 27940"/>
                  <a:gd name="connsiteX3" fmla="*/ 0 w 65851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27940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59" name="Vrije vorm 199">
                <a:extLst>
                  <a:ext uri="{FF2B5EF4-FFF2-40B4-BE49-F238E27FC236}">
                    <a16:creationId xmlns="" xmlns:a16="http://schemas.microsoft.com/office/drawing/2014/main" id="{1E263869-1D89-447D-9E0E-9B276A37E019}"/>
                  </a:ext>
                </a:extLst>
              </p:cNvPr>
              <p:cNvSpPr/>
              <p:nvPr/>
            </p:nvSpPr>
            <p:spPr>
              <a:xfrm>
                <a:off x="4518661" y="3483667"/>
                <a:ext cx="65852" cy="27940"/>
              </a:xfrm>
              <a:custGeom>
                <a:avLst/>
                <a:gdLst>
                  <a:gd name="connsiteX0" fmla="*/ 0 w 65851"/>
                  <a:gd name="connsiteY0" fmla="*/ 0 h 27940"/>
                  <a:gd name="connsiteX1" fmla="*/ 73660 w 65851"/>
                  <a:gd name="connsiteY1" fmla="*/ 0 h 27940"/>
                  <a:gd name="connsiteX2" fmla="*/ 73660 w 65851"/>
                  <a:gd name="connsiteY2" fmla="*/ 36415 h 27940"/>
                  <a:gd name="connsiteX3" fmla="*/ 0 w 65851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27940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60" name="Vrije vorm 200">
                <a:extLst>
                  <a:ext uri="{FF2B5EF4-FFF2-40B4-BE49-F238E27FC236}">
                    <a16:creationId xmlns="" xmlns:a16="http://schemas.microsoft.com/office/drawing/2014/main" id="{E4AFD622-5E3F-42D7-8F91-15B72B292248}"/>
                  </a:ext>
                </a:extLst>
              </p:cNvPr>
              <p:cNvSpPr/>
              <p:nvPr/>
            </p:nvSpPr>
            <p:spPr>
              <a:xfrm>
                <a:off x="4518660" y="3350023"/>
                <a:ext cx="65852" cy="121073"/>
              </a:xfrm>
              <a:custGeom>
                <a:avLst/>
                <a:gdLst>
                  <a:gd name="connsiteX0" fmla="*/ 0 w 65851"/>
                  <a:gd name="connsiteY0" fmla="*/ 0 h 121073"/>
                  <a:gd name="connsiteX1" fmla="*/ 73660 w 65851"/>
                  <a:gd name="connsiteY1" fmla="*/ 0 h 121073"/>
                  <a:gd name="connsiteX2" fmla="*/ 73660 w 65851"/>
                  <a:gd name="connsiteY2" fmla="*/ 121446 h 121073"/>
                  <a:gd name="connsiteX3" fmla="*/ 0 w 65851"/>
                  <a:gd name="connsiteY3" fmla="*/ 121446 h 1210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121072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121446"/>
                    </a:lnTo>
                    <a:lnTo>
                      <a:pt x="0" y="12144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61" name="Vrije vorm 201">
                <a:extLst>
                  <a:ext uri="{FF2B5EF4-FFF2-40B4-BE49-F238E27FC236}">
                    <a16:creationId xmlns="" xmlns:a16="http://schemas.microsoft.com/office/drawing/2014/main" id="{2A2201B1-F9B0-49E7-B7FB-41879207A385}"/>
                  </a:ext>
                </a:extLst>
              </p:cNvPr>
              <p:cNvSpPr/>
              <p:nvPr/>
            </p:nvSpPr>
            <p:spPr>
              <a:xfrm>
                <a:off x="4518660" y="3289300"/>
                <a:ext cx="65852" cy="46567"/>
              </a:xfrm>
              <a:custGeom>
                <a:avLst/>
                <a:gdLst>
                  <a:gd name="connsiteX0" fmla="*/ 0 w 65851"/>
                  <a:gd name="connsiteY0" fmla="*/ 0 h 46566"/>
                  <a:gd name="connsiteX1" fmla="*/ 73660 w 65851"/>
                  <a:gd name="connsiteY1" fmla="*/ 0 h 46566"/>
                  <a:gd name="connsiteX2" fmla="*/ 73660 w 65851"/>
                  <a:gd name="connsiteY2" fmla="*/ 48616 h 46566"/>
                  <a:gd name="connsiteX3" fmla="*/ 0 w 65851"/>
                  <a:gd name="connsiteY3" fmla="*/ 48616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46566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48616"/>
                    </a:lnTo>
                    <a:lnTo>
                      <a:pt x="0" y="4861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62" name="Vrije vorm 202">
                <a:extLst>
                  <a:ext uri="{FF2B5EF4-FFF2-40B4-BE49-F238E27FC236}">
                    <a16:creationId xmlns="" xmlns:a16="http://schemas.microsoft.com/office/drawing/2014/main" id="{EA1842F7-98F9-41D4-9F95-ED379B5C945E}"/>
                  </a:ext>
                </a:extLst>
              </p:cNvPr>
              <p:cNvSpPr/>
              <p:nvPr/>
            </p:nvSpPr>
            <p:spPr>
              <a:xfrm>
                <a:off x="4612423" y="3299078"/>
                <a:ext cx="56444" cy="46567"/>
              </a:xfrm>
              <a:custGeom>
                <a:avLst/>
                <a:gdLst>
                  <a:gd name="connsiteX0" fmla="*/ 0 w 56444"/>
                  <a:gd name="connsiteY0" fmla="*/ 5187 h 46566"/>
                  <a:gd name="connsiteX1" fmla="*/ 61112 w 56444"/>
                  <a:gd name="connsiteY1" fmla="*/ 0 h 46566"/>
                  <a:gd name="connsiteX2" fmla="*/ 65307 w 56444"/>
                  <a:gd name="connsiteY2" fmla="*/ 48438 h 46566"/>
                  <a:gd name="connsiteX3" fmla="*/ 4195 w 56444"/>
                  <a:gd name="connsiteY3" fmla="*/ 53625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46566">
                    <a:moveTo>
                      <a:pt x="0" y="5187"/>
                    </a:moveTo>
                    <a:lnTo>
                      <a:pt x="61112" y="0"/>
                    </a:lnTo>
                    <a:lnTo>
                      <a:pt x="65307" y="48438"/>
                    </a:lnTo>
                    <a:lnTo>
                      <a:pt x="4195" y="5362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63" name="Vrije vorm 203">
                <a:extLst>
                  <a:ext uri="{FF2B5EF4-FFF2-40B4-BE49-F238E27FC236}">
                    <a16:creationId xmlns="" xmlns:a16="http://schemas.microsoft.com/office/drawing/2014/main" id="{F93A34B6-10A0-45FE-925B-7880F0627C70}"/>
                  </a:ext>
                </a:extLst>
              </p:cNvPr>
              <p:cNvSpPr/>
              <p:nvPr/>
            </p:nvSpPr>
            <p:spPr>
              <a:xfrm>
                <a:off x="4617779" y="3359513"/>
                <a:ext cx="65852" cy="111760"/>
              </a:xfrm>
              <a:custGeom>
                <a:avLst/>
                <a:gdLst>
                  <a:gd name="connsiteX0" fmla="*/ 0 w 65851"/>
                  <a:gd name="connsiteY0" fmla="*/ 5176 h 111760"/>
                  <a:gd name="connsiteX1" fmla="*/ 61113 w 65851"/>
                  <a:gd name="connsiteY1" fmla="*/ 0 h 111760"/>
                  <a:gd name="connsiteX2" fmla="*/ 70528 w 65851"/>
                  <a:gd name="connsiteY2" fmla="*/ 108941 h 111760"/>
                  <a:gd name="connsiteX3" fmla="*/ 9414 w 65851"/>
                  <a:gd name="connsiteY3" fmla="*/ 114117 h 1117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111760">
                    <a:moveTo>
                      <a:pt x="0" y="5176"/>
                    </a:moveTo>
                    <a:lnTo>
                      <a:pt x="61113" y="0"/>
                    </a:lnTo>
                    <a:lnTo>
                      <a:pt x="70528" y="108941"/>
                    </a:lnTo>
                    <a:lnTo>
                      <a:pt x="9414" y="114117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64" name="Vrije vorm 204">
                <a:extLst>
                  <a:ext uri="{FF2B5EF4-FFF2-40B4-BE49-F238E27FC236}">
                    <a16:creationId xmlns="" xmlns:a16="http://schemas.microsoft.com/office/drawing/2014/main" id="{DEEAFF3B-E821-4060-81B8-53B51A5C0D20}"/>
                  </a:ext>
                </a:extLst>
              </p:cNvPr>
              <p:cNvSpPr/>
              <p:nvPr/>
            </p:nvSpPr>
            <p:spPr>
              <a:xfrm>
                <a:off x="4628219" y="3480553"/>
                <a:ext cx="56444" cy="27940"/>
              </a:xfrm>
              <a:custGeom>
                <a:avLst/>
                <a:gdLst>
                  <a:gd name="connsiteX0" fmla="*/ 0 w 56444"/>
                  <a:gd name="connsiteY0" fmla="*/ 5187 h 27940"/>
                  <a:gd name="connsiteX1" fmla="*/ 61112 w 56444"/>
                  <a:gd name="connsiteY1" fmla="*/ 0 h 27940"/>
                  <a:gd name="connsiteX2" fmla="*/ 63209 w 56444"/>
                  <a:gd name="connsiteY2" fmla="*/ 24219 h 27940"/>
                  <a:gd name="connsiteX3" fmla="*/ 2097 w 56444"/>
                  <a:gd name="connsiteY3" fmla="*/ 29406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27940">
                    <a:moveTo>
                      <a:pt x="0" y="5187"/>
                    </a:moveTo>
                    <a:lnTo>
                      <a:pt x="61112" y="0"/>
                    </a:lnTo>
                    <a:lnTo>
                      <a:pt x="63209" y="24219"/>
                    </a:lnTo>
                    <a:lnTo>
                      <a:pt x="2097" y="2940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65" name="Vrije vorm 205">
                <a:extLst>
                  <a:ext uri="{FF2B5EF4-FFF2-40B4-BE49-F238E27FC236}">
                    <a16:creationId xmlns="" xmlns:a16="http://schemas.microsoft.com/office/drawing/2014/main" id="{F4B9A4D7-B959-4C73-AD6E-4B3AB7B73061}"/>
                  </a:ext>
                </a:extLst>
              </p:cNvPr>
              <p:cNvSpPr/>
              <p:nvPr/>
            </p:nvSpPr>
            <p:spPr>
              <a:xfrm>
                <a:off x="4633091" y="3516609"/>
                <a:ext cx="56444" cy="37253"/>
              </a:xfrm>
              <a:custGeom>
                <a:avLst/>
                <a:gdLst>
                  <a:gd name="connsiteX0" fmla="*/ 0 w 56444"/>
                  <a:gd name="connsiteY0" fmla="*/ 5465 h 37253"/>
                  <a:gd name="connsiteX1" fmla="*/ 61336 w 56444"/>
                  <a:gd name="connsiteY1" fmla="*/ 0 h 37253"/>
                  <a:gd name="connsiteX2" fmla="*/ 64647 w 56444"/>
                  <a:gd name="connsiteY2" fmla="*/ 36415 h 37253"/>
                  <a:gd name="connsiteX3" fmla="*/ 3310 w 56444"/>
                  <a:gd name="connsiteY3" fmla="*/ 41880 h 372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37253">
                    <a:moveTo>
                      <a:pt x="0" y="5465"/>
                    </a:moveTo>
                    <a:lnTo>
                      <a:pt x="61336" y="0"/>
                    </a:lnTo>
                    <a:lnTo>
                      <a:pt x="64647" y="36415"/>
                    </a:lnTo>
                    <a:lnTo>
                      <a:pt x="3310" y="41880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153" name="Tekstvak 193">
              <a:extLst>
                <a:ext uri="{FF2B5EF4-FFF2-40B4-BE49-F238E27FC236}">
                  <a16:creationId xmlns="" xmlns:a16="http://schemas.microsoft.com/office/drawing/2014/main" id="{4BDD1F91-E844-4B66-89B3-CA16E9706269}"/>
                </a:ext>
              </a:extLst>
            </p:cNvPr>
            <p:cNvSpPr txBox="1"/>
            <p:nvPr/>
          </p:nvSpPr>
          <p:spPr>
            <a:xfrm>
              <a:off x="999010" y="6384662"/>
              <a:ext cx="803851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Список литературы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66" name="Groep 178">
            <a:extLst>
              <a:ext uri="{FF2B5EF4-FFF2-40B4-BE49-F238E27FC236}">
                <a16:creationId xmlns="" xmlns:a16="http://schemas.microsoft.com/office/drawing/2014/main" id="{259533B1-597B-49E3-8770-A6072A724BFD}"/>
              </a:ext>
            </a:extLst>
          </p:cNvPr>
          <p:cNvGrpSpPr/>
          <p:nvPr userDrawn="1"/>
        </p:nvGrpSpPr>
        <p:grpSpPr>
          <a:xfrm>
            <a:off x="4792110" y="6455151"/>
            <a:ext cx="1299431" cy="205629"/>
            <a:chOff x="1983484" y="6455150"/>
            <a:chExt cx="974573" cy="205629"/>
          </a:xfrm>
        </p:grpSpPr>
        <p:sp>
          <p:nvSpPr>
            <p:cNvPr id="167" name="Graphic 27">
              <a:extLst>
                <a:ext uri="{FF2B5EF4-FFF2-40B4-BE49-F238E27FC236}">
                  <a16:creationId xmlns="" xmlns:a16="http://schemas.microsoft.com/office/drawing/2014/main" id="{4E1B0632-FEA9-4ED1-BC57-80258E65799D}"/>
                </a:ext>
              </a:extLst>
            </p:cNvPr>
            <p:cNvSpPr/>
            <p:nvPr/>
          </p:nvSpPr>
          <p:spPr>
            <a:xfrm>
              <a:off x="1983484" y="6455150"/>
              <a:ext cx="205629" cy="205629"/>
            </a:xfrm>
            <a:custGeom>
              <a:avLst/>
              <a:gdLst>
                <a:gd name="connsiteX0" fmla="*/ 140538 w 279400"/>
                <a:gd name="connsiteY0" fmla="*/ 109245 h 279400"/>
                <a:gd name="connsiteX1" fmla="*/ 194276 w 279400"/>
                <a:gd name="connsiteY1" fmla="*/ 0 h 279400"/>
                <a:gd name="connsiteX2" fmla="*/ 235255 w 279400"/>
                <a:gd name="connsiteY2" fmla="*/ 22445 h 279400"/>
                <a:gd name="connsiteX3" fmla="*/ 164567 w 279400"/>
                <a:gd name="connsiteY3" fmla="*/ 124426 h 279400"/>
                <a:gd name="connsiteX4" fmla="*/ 279400 w 279400"/>
                <a:gd name="connsiteY4" fmla="*/ 114833 h 279400"/>
                <a:gd name="connsiteX5" fmla="*/ 279400 w 279400"/>
                <a:gd name="connsiteY5" fmla="*/ 161400 h 279400"/>
                <a:gd name="connsiteX6" fmla="*/ 165405 w 279400"/>
                <a:gd name="connsiteY6" fmla="*/ 152552 h 279400"/>
                <a:gd name="connsiteX7" fmla="*/ 234417 w 279400"/>
                <a:gd name="connsiteY7" fmla="*/ 256117 h 279400"/>
                <a:gd name="connsiteX8" fmla="*/ 192693 w 279400"/>
                <a:gd name="connsiteY8" fmla="*/ 277817 h 279400"/>
                <a:gd name="connsiteX9" fmla="*/ 140538 w 279400"/>
                <a:gd name="connsiteY9" fmla="*/ 166988 h 279400"/>
                <a:gd name="connsiteX10" fmla="*/ 85869 w 279400"/>
                <a:gd name="connsiteY10" fmla="*/ 279400 h 279400"/>
                <a:gd name="connsiteX11" fmla="*/ 45728 w 279400"/>
                <a:gd name="connsiteY11" fmla="*/ 256117 h 279400"/>
                <a:gd name="connsiteX12" fmla="*/ 115578 w 279400"/>
                <a:gd name="connsiteY12" fmla="*/ 153391 h 279400"/>
                <a:gd name="connsiteX13" fmla="*/ 0 w 279400"/>
                <a:gd name="connsiteY13" fmla="*/ 161400 h 279400"/>
                <a:gd name="connsiteX14" fmla="*/ 0 w 279400"/>
                <a:gd name="connsiteY14" fmla="*/ 114833 h 279400"/>
                <a:gd name="connsiteX15" fmla="*/ 116417 w 279400"/>
                <a:gd name="connsiteY15" fmla="*/ 124426 h 279400"/>
                <a:gd name="connsiteX16" fmla="*/ 43400 w 279400"/>
                <a:gd name="connsiteY16" fmla="*/ 23283 h 279400"/>
                <a:gd name="connsiteX17" fmla="*/ 85869 w 279400"/>
                <a:gd name="connsiteY17" fmla="*/ 0 h 279400"/>
                <a:gd name="connsiteX18" fmla="*/ 140538 w 279400"/>
                <a:gd name="connsiteY18" fmla="*/ 109245 h 279400"/>
                <a:gd name="connsiteX19" fmla="*/ 140538 w 279400"/>
                <a:gd name="connsiteY19" fmla="*/ 109245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79400" h="279400">
                  <a:moveTo>
                    <a:pt x="140538" y="109245"/>
                  </a:moveTo>
                  <a:lnTo>
                    <a:pt x="194276" y="0"/>
                  </a:lnTo>
                  <a:lnTo>
                    <a:pt x="235255" y="22445"/>
                  </a:lnTo>
                  <a:lnTo>
                    <a:pt x="164567" y="124426"/>
                  </a:lnTo>
                  <a:lnTo>
                    <a:pt x="279400" y="114833"/>
                  </a:lnTo>
                  <a:lnTo>
                    <a:pt x="279400" y="161400"/>
                  </a:lnTo>
                  <a:lnTo>
                    <a:pt x="165405" y="152552"/>
                  </a:lnTo>
                  <a:lnTo>
                    <a:pt x="234417" y="256117"/>
                  </a:lnTo>
                  <a:lnTo>
                    <a:pt x="192693" y="277817"/>
                  </a:lnTo>
                  <a:lnTo>
                    <a:pt x="140538" y="166988"/>
                  </a:lnTo>
                  <a:lnTo>
                    <a:pt x="85869" y="279400"/>
                  </a:lnTo>
                  <a:lnTo>
                    <a:pt x="45728" y="256117"/>
                  </a:lnTo>
                  <a:lnTo>
                    <a:pt x="115578" y="153391"/>
                  </a:lnTo>
                  <a:lnTo>
                    <a:pt x="0" y="161400"/>
                  </a:lnTo>
                  <a:lnTo>
                    <a:pt x="0" y="114833"/>
                  </a:lnTo>
                  <a:lnTo>
                    <a:pt x="116417" y="124426"/>
                  </a:lnTo>
                  <a:lnTo>
                    <a:pt x="43400" y="23283"/>
                  </a:lnTo>
                  <a:lnTo>
                    <a:pt x="85869" y="0"/>
                  </a:lnTo>
                  <a:lnTo>
                    <a:pt x="140538" y="109245"/>
                  </a:lnTo>
                  <a:lnTo>
                    <a:pt x="140538" y="109245"/>
                  </a:lnTo>
                  <a:close/>
                </a:path>
              </a:pathLst>
            </a:custGeom>
            <a:solidFill>
              <a:schemeClr val="tx1"/>
            </a:solidFill>
            <a:ln w="920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68" name="Tekstvak 191">
              <a:extLst>
                <a:ext uri="{FF2B5EF4-FFF2-40B4-BE49-F238E27FC236}">
                  <a16:creationId xmlns="" xmlns:a16="http://schemas.microsoft.com/office/drawing/2014/main" id="{67BEBF81-B3F1-41F8-8744-F56EF050D2AC}"/>
                </a:ext>
              </a:extLst>
            </p:cNvPr>
            <p:cNvSpPr txBox="1"/>
            <p:nvPr/>
          </p:nvSpPr>
          <p:spPr>
            <a:xfrm>
              <a:off x="2280564" y="6292003"/>
              <a:ext cx="678170" cy="526306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Подстрочные примечания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169" name="Groep 180">
            <a:extLst>
              <a:ext uri="{FF2B5EF4-FFF2-40B4-BE49-F238E27FC236}">
                <a16:creationId xmlns="" xmlns:a16="http://schemas.microsoft.com/office/drawing/2014/main" id="{56CA45E8-447A-410B-B72B-398004809BCD}"/>
              </a:ext>
            </a:extLst>
          </p:cNvPr>
          <p:cNvGrpSpPr/>
          <p:nvPr userDrawn="1"/>
        </p:nvGrpSpPr>
        <p:grpSpPr>
          <a:xfrm>
            <a:off x="9028069" y="6452492"/>
            <a:ext cx="1781955" cy="205629"/>
            <a:chOff x="4572000" y="6452491"/>
            <a:chExt cx="1336466" cy="205629"/>
          </a:xfrm>
        </p:grpSpPr>
        <p:grpSp>
          <p:nvGrpSpPr>
            <p:cNvPr id="170" name="Graphic 16">
              <a:extLst>
                <a:ext uri="{FF2B5EF4-FFF2-40B4-BE49-F238E27FC236}">
                  <a16:creationId xmlns="" xmlns:a16="http://schemas.microsoft.com/office/drawing/2014/main" id="{4C4A1861-0C8E-46EC-B85C-E426B3A35EC0}"/>
                </a:ext>
              </a:extLst>
            </p:cNvPr>
            <p:cNvGrpSpPr/>
            <p:nvPr userDrawn="1"/>
          </p:nvGrpSpPr>
          <p:grpSpPr>
            <a:xfrm>
              <a:off x="4572000" y="6452491"/>
              <a:ext cx="413013" cy="205629"/>
              <a:chOff x="4292488" y="3289296"/>
              <a:chExt cx="561184" cy="279400"/>
            </a:xfrm>
            <a:solidFill>
              <a:schemeClr val="tx1"/>
            </a:solidFill>
          </p:grpSpPr>
          <p:sp>
            <p:nvSpPr>
              <p:cNvPr id="172" name="Vrije vorm 183">
                <a:extLst>
                  <a:ext uri="{FF2B5EF4-FFF2-40B4-BE49-F238E27FC236}">
                    <a16:creationId xmlns="" xmlns:a16="http://schemas.microsoft.com/office/drawing/2014/main" id="{A4FE1D9F-7C03-4E56-A7E6-76D9C0B5371E}"/>
                  </a:ext>
                </a:extLst>
              </p:cNvPr>
              <p:cNvSpPr/>
              <p:nvPr userDrawn="1"/>
            </p:nvSpPr>
            <p:spPr>
              <a:xfrm>
                <a:off x="4378789" y="3496331"/>
                <a:ext cx="85241" cy="18627"/>
              </a:xfrm>
              <a:custGeom>
                <a:avLst/>
                <a:gdLst>
                  <a:gd name="connsiteX0" fmla="*/ 91490 w 85240"/>
                  <a:gd name="connsiteY0" fmla="*/ 9318 h 18626"/>
                  <a:gd name="connsiteX1" fmla="*/ 84580 w 85240"/>
                  <a:gd name="connsiteY1" fmla="*/ 92 h 18626"/>
                  <a:gd name="connsiteX2" fmla="*/ 83061 w 85240"/>
                  <a:gd name="connsiteY2" fmla="*/ 5 h 18626"/>
                  <a:gd name="connsiteX3" fmla="*/ 8523 w 85240"/>
                  <a:gd name="connsiteY3" fmla="*/ 5 h 18626"/>
                  <a:gd name="connsiteX4" fmla="*/ 5 w 85240"/>
                  <a:gd name="connsiteY4" fmla="*/ 7825 h 18626"/>
                  <a:gd name="connsiteX5" fmla="*/ 93 w 85240"/>
                  <a:gd name="connsiteY5" fmla="*/ 9318 h 18626"/>
                  <a:gd name="connsiteX6" fmla="*/ 4261 w 85240"/>
                  <a:gd name="connsiteY6" fmla="*/ 15651 h 18626"/>
                  <a:gd name="connsiteX7" fmla="*/ 15247 w 85240"/>
                  <a:gd name="connsiteY7" fmla="*/ 23009 h 18626"/>
                  <a:gd name="connsiteX8" fmla="*/ 35421 w 85240"/>
                  <a:gd name="connsiteY8" fmla="*/ 24965 h 18626"/>
                  <a:gd name="connsiteX9" fmla="*/ 78515 w 85240"/>
                  <a:gd name="connsiteY9" fmla="*/ 24965 h 18626"/>
                  <a:gd name="connsiteX10" fmla="*/ 90448 w 85240"/>
                  <a:gd name="connsiteY10" fmla="*/ 15651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85240" h="18626">
                    <a:moveTo>
                      <a:pt x="91490" y="9318"/>
                    </a:moveTo>
                    <a:cubicBezTo>
                      <a:pt x="92173" y="4894"/>
                      <a:pt x="89079" y="763"/>
                      <a:pt x="84580" y="92"/>
                    </a:cubicBezTo>
                    <a:cubicBezTo>
                      <a:pt x="84077" y="17"/>
                      <a:pt x="83569" y="-12"/>
                      <a:pt x="83061" y="5"/>
                    </a:cubicBezTo>
                    <a:lnTo>
                      <a:pt x="8523" y="5"/>
                    </a:lnTo>
                    <a:cubicBezTo>
                      <a:pt x="3974" y="-149"/>
                      <a:pt x="161" y="3352"/>
                      <a:pt x="5" y="7825"/>
                    </a:cubicBezTo>
                    <a:cubicBezTo>
                      <a:pt x="-13" y="8324"/>
                      <a:pt x="17" y="8824"/>
                      <a:pt x="93" y="9318"/>
                    </a:cubicBezTo>
                    <a:cubicBezTo>
                      <a:pt x="1029" y="11687"/>
                      <a:pt x="2447" y="13842"/>
                      <a:pt x="4261" y="15651"/>
                    </a:cubicBezTo>
                    <a:cubicBezTo>
                      <a:pt x="7003" y="19223"/>
                      <a:pt x="10863" y="21808"/>
                      <a:pt x="15247" y="23009"/>
                    </a:cubicBezTo>
                    <a:cubicBezTo>
                      <a:pt x="21904" y="24217"/>
                      <a:pt x="28652" y="24872"/>
                      <a:pt x="35421" y="24965"/>
                    </a:cubicBezTo>
                    <a:lnTo>
                      <a:pt x="78515" y="24965"/>
                    </a:lnTo>
                    <a:cubicBezTo>
                      <a:pt x="84179" y="24877"/>
                      <a:pt x="89076" y="21056"/>
                      <a:pt x="90448" y="15651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73" name="Vrije vorm 184">
                <a:extLst>
                  <a:ext uri="{FF2B5EF4-FFF2-40B4-BE49-F238E27FC236}">
                    <a16:creationId xmlns="" xmlns:a16="http://schemas.microsoft.com/office/drawing/2014/main" id="{CBCBD520-8E5C-4CAE-A9BD-E2B631BF47DF}"/>
                  </a:ext>
                </a:extLst>
              </p:cNvPr>
              <p:cNvSpPr/>
              <p:nvPr userDrawn="1"/>
            </p:nvSpPr>
            <p:spPr>
              <a:xfrm>
                <a:off x="4321394" y="3394350"/>
                <a:ext cx="142068" cy="18627"/>
              </a:xfrm>
              <a:custGeom>
                <a:avLst/>
                <a:gdLst>
                  <a:gd name="connsiteX0" fmla="*/ 148886 w 142067"/>
                  <a:gd name="connsiteY0" fmla="*/ 9318 h 18626"/>
                  <a:gd name="connsiteX1" fmla="*/ 141975 w 142067"/>
                  <a:gd name="connsiteY1" fmla="*/ 92 h 18626"/>
                  <a:gd name="connsiteX2" fmla="*/ 140456 w 142067"/>
                  <a:gd name="connsiteY2" fmla="*/ 5 h 18626"/>
                  <a:gd name="connsiteX3" fmla="*/ 8523 w 142067"/>
                  <a:gd name="connsiteY3" fmla="*/ 5 h 18626"/>
                  <a:gd name="connsiteX4" fmla="*/ 5 w 142067"/>
                  <a:gd name="connsiteY4" fmla="*/ 7825 h 18626"/>
                  <a:gd name="connsiteX5" fmla="*/ 93 w 142067"/>
                  <a:gd name="connsiteY5" fmla="*/ 9318 h 18626"/>
                  <a:gd name="connsiteX6" fmla="*/ 4261 w 142067"/>
                  <a:gd name="connsiteY6" fmla="*/ 15651 h 18626"/>
                  <a:gd name="connsiteX7" fmla="*/ 15247 w 142067"/>
                  <a:gd name="connsiteY7" fmla="*/ 23009 h 18626"/>
                  <a:gd name="connsiteX8" fmla="*/ 35326 w 142067"/>
                  <a:gd name="connsiteY8" fmla="*/ 25337 h 18626"/>
                  <a:gd name="connsiteX9" fmla="*/ 135910 w 142067"/>
                  <a:gd name="connsiteY9" fmla="*/ 25337 h 18626"/>
                  <a:gd name="connsiteX10" fmla="*/ 147844 w 142067"/>
                  <a:gd name="connsiteY10" fmla="*/ 15558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42067" h="18626">
                    <a:moveTo>
                      <a:pt x="148886" y="9318"/>
                    </a:moveTo>
                    <a:cubicBezTo>
                      <a:pt x="149568" y="4894"/>
                      <a:pt x="146474" y="763"/>
                      <a:pt x="141975" y="92"/>
                    </a:cubicBezTo>
                    <a:cubicBezTo>
                      <a:pt x="141473" y="17"/>
                      <a:pt x="140964" y="-12"/>
                      <a:pt x="140456" y="5"/>
                    </a:cubicBezTo>
                    <a:lnTo>
                      <a:pt x="8523" y="5"/>
                    </a:lnTo>
                    <a:cubicBezTo>
                      <a:pt x="3974" y="-149"/>
                      <a:pt x="161" y="3352"/>
                      <a:pt x="5" y="7825"/>
                    </a:cubicBezTo>
                    <a:cubicBezTo>
                      <a:pt x="-13" y="8324"/>
                      <a:pt x="17" y="8824"/>
                      <a:pt x="93" y="9318"/>
                    </a:cubicBezTo>
                    <a:cubicBezTo>
                      <a:pt x="1029" y="11687"/>
                      <a:pt x="2447" y="13842"/>
                      <a:pt x="4261" y="15651"/>
                    </a:cubicBezTo>
                    <a:cubicBezTo>
                      <a:pt x="7003" y="19223"/>
                      <a:pt x="10863" y="21808"/>
                      <a:pt x="15247" y="23009"/>
                    </a:cubicBezTo>
                    <a:cubicBezTo>
                      <a:pt x="21860" y="24347"/>
                      <a:pt x="28578" y="25126"/>
                      <a:pt x="35326" y="25337"/>
                    </a:cubicBezTo>
                    <a:lnTo>
                      <a:pt x="135910" y="25337"/>
                    </a:lnTo>
                    <a:cubicBezTo>
                      <a:pt x="141715" y="25198"/>
                      <a:pt x="146658" y="21147"/>
                      <a:pt x="147844" y="15558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74" name="Vrije vorm 185">
                <a:extLst>
                  <a:ext uri="{FF2B5EF4-FFF2-40B4-BE49-F238E27FC236}">
                    <a16:creationId xmlns="" xmlns:a16="http://schemas.microsoft.com/office/drawing/2014/main" id="{E4D23E2A-51D9-44C5-8728-9C848C0D19D7}"/>
                  </a:ext>
                </a:extLst>
              </p:cNvPr>
              <p:cNvSpPr/>
              <p:nvPr userDrawn="1"/>
            </p:nvSpPr>
            <p:spPr>
              <a:xfrm>
                <a:off x="4350289" y="3444917"/>
                <a:ext cx="113654" cy="18627"/>
              </a:xfrm>
              <a:custGeom>
                <a:avLst/>
                <a:gdLst>
                  <a:gd name="connsiteX0" fmla="*/ 119991 w 113654"/>
                  <a:gd name="connsiteY0" fmla="*/ 9787 h 18626"/>
                  <a:gd name="connsiteX1" fmla="*/ 113644 w 113654"/>
                  <a:gd name="connsiteY1" fmla="*/ 177 h 18626"/>
                  <a:gd name="connsiteX2" fmla="*/ 111561 w 113654"/>
                  <a:gd name="connsiteY2" fmla="*/ 8 h 18626"/>
                  <a:gd name="connsiteX3" fmla="*/ 8609 w 113654"/>
                  <a:gd name="connsiteY3" fmla="*/ 8 h 18626"/>
                  <a:gd name="connsiteX4" fmla="*/ 8 w 113654"/>
                  <a:gd name="connsiteY4" fmla="*/ 7739 h 18626"/>
                  <a:gd name="connsiteX5" fmla="*/ 180 w 113654"/>
                  <a:gd name="connsiteY5" fmla="*/ 9787 h 18626"/>
                  <a:gd name="connsiteX6" fmla="*/ 4347 w 113654"/>
                  <a:gd name="connsiteY6" fmla="*/ 16120 h 18626"/>
                  <a:gd name="connsiteX7" fmla="*/ 15334 w 113654"/>
                  <a:gd name="connsiteY7" fmla="*/ 23478 h 18626"/>
                  <a:gd name="connsiteX8" fmla="*/ 35413 w 113654"/>
                  <a:gd name="connsiteY8" fmla="*/ 25434 h 18626"/>
                  <a:gd name="connsiteX9" fmla="*/ 107299 w 113654"/>
                  <a:gd name="connsiteY9" fmla="*/ 25434 h 18626"/>
                  <a:gd name="connsiteX10" fmla="*/ 119233 w 113654"/>
                  <a:gd name="connsiteY10" fmla="*/ 15655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13654" h="18626">
                    <a:moveTo>
                      <a:pt x="119991" y="9787"/>
                    </a:moveTo>
                    <a:cubicBezTo>
                      <a:pt x="120937" y="5410"/>
                      <a:pt x="118095" y="1108"/>
                      <a:pt x="113644" y="177"/>
                    </a:cubicBezTo>
                    <a:cubicBezTo>
                      <a:pt x="112960" y="34"/>
                      <a:pt x="112260" y="-23"/>
                      <a:pt x="111561" y="8"/>
                    </a:cubicBezTo>
                    <a:lnTo>
                      <a:pt x="8609" y="8"/>
                    </a:lnTo>
                    <a:cubicBezTo>
                      <a:pt x="4063" y="-192"/>
                      <a:pt x="212" y="3269"/>
                      <a:pt x="8" y="7739"/>
                    </a:cubicBezTo>
                    <a:cubicBezTo>
                      <a:pt x="-23" y="8426"/>
                      <a:pt x="35" y="9115"/>
                      <a:pt x="180" y="9787"/>
                    </a:cubicBezTo>
                    <a:cubicBezTo>
                      <a:pt x="1115" y="12156"/>
                      <a:pt x="2534" y="14311"/>
                      <a:pt x="4347" y="16120"/>
                    </a:cubicBezTo>
                    <a:cubicBezTo>
                      <a:pt x="7127" y="19652"/>
                      <a:pt x="10973" y="22228"/>
                      <a:pt x="15334" y="23478"/>
                    </a:cubicBezTo>
                    <a:cubicBezTo>
                      <a:pt x="21965" y="24641"/>
                      <a:pt x="28678" y="25295"/>
                      <a:pt x="35413" y="25434"/>
                    </a:cubicBezTo>
                    <a:lnTo>
                      <a:pt x="107299" y="25434"/>
                    </a:lnTo>
                    <a:cubicBezTo>
                      <a:pt x="113104" y="25295"/>
                      <a:pt x="118047" y="21244"/>
                      <a:pt x="119233" y="15655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75" name="Vrije vorm 186">
                <a:extLst>
                  <a:ext uri="{FF2B5EF4-FFF2-40B4-BE49-F238E27FC236}">
                    <a16:creationId xmlns="" xmlns:a16="http://schemas.microsoft.com/office/drawing/2014/main" id="{4545BBA4-3BBD-453F-86F2-360FEAF931DC}"/>
                  </a:ext>
                </a:extLst>
              </p:cNvPr>
              <p:cNvSpPr/>
              <p:nvPr userDrawn="1"/>
            </p:nvSpPr>
            <p:spPr>
              <a:xfrm>
                <a:off x="4292488" y="3343296"/>
                <a:ext cx="170481" cy="18627"/>
              </a:xfrm>
              <a:custGeom>
                <a:avLst/>
                <a:gdLst>
                  <a:gd name="connsiteX0" fmla="*/ 177792 w 170481"/>
                  <a:gd name="connsiteY0" fmla="*/ 9334 h 18626"/>
                  <a:gd name="connsiteX1" fmla="*/ 170881 w 170481"/>
                  <a:gd name="connsiteY1" fmla="*/ 108 h 18626"/>
                  <a:gd name="connsiteX2" fmla="*/ 169362 w 170481"/>
                  <a:gd name="connsiteY2" fmla="*/ 21 h 18626"/>
                  <a:gd name="connsiteX3" fmla="*/ 8731 w 170481"/>
                  <a:gd name="connsiteY3" fmla="*/ 21 h 18626"/>
                  <a:gd name="connsiteX4" fmla="*/ 21 w 170481"/>
                  <a:gd name="connsiteY4" fmla="*/ 7434 h 18626"/>
                  <a:gd name="connsiteX5" fmla="*/ 112 w 170481"/>
                  <a:gd name="connsiteY5" fmla="*/ 9334 h 18626"/>
                  <a:gd name="connsiteX6" fmla="*/ 4185 w 170481"/>
                  <a:gd name="connsiteY6" fmla="*/ 15667 h 18626"/>
                  <a:gd name="connsiteX7" fmla="*/ 15171 w 170481"/>
                  <a:gd name="connsiteY7" fmla="*/ 23025 h 18626"/>
                  <a:gd name="connsiteX8" fmla="*/ 35345 w 170481"/>
                  <a:gd name="connsiteY8" fmla="*/ 24981 h 18626"/>
                  <a:gd name="connsiteX9" fmla="*/ 164816 w 170481"/>
                  <a:gd name="connsiteY9" fmla="*/ 24981 h 18626"/>
                  <a:gd name="connsiteX10" fmla="*/ 176750 w 170481"/>
                  <a:gd name="connsiteY10" fmla="*/ 15667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70481" h="18626">
                    <a:moveTo>
                      <a:pt x="177792" y="9334"/>
                    </a:moveTo>
                    <a:cubicBezTo>
                      <a:pt x="178474" y="4910"/>
                      <a:pt x="175380" y="779"/>
                      <a:pt x="170881" y="108"/>
                    </a:cubicBezTo>
                    <a:cubicBezTo>
                      <a:pt x="170379" y="33"/>
                      <a:pt x="169870" y="4"/>
                      <a:pt x="169362" y="21"/>
                    </a:cubicBezTo>
                    <a:lnTo>
                      <a:pt x="8731" y="21"/>
                    </a:lnTo>
                    <a:cubicBezTo>
                      <a:pt x="4244" y="-297"/>
                      <a:pt x="345" y="3022"/>
                      <a:pt x="21" y="7434"/>
                    </a:cubicBezTo>
                    <a:cubicBezTo>
                      <a:pt x="-25" y="8069"/>
                      <a:pt x="5" y="8707"/>
                      <a:pt x="112" y="9334"/>
                    </a:cubicBezTo>
                    <a:cubicBezTo>
                      <a:pt x="1019" y="11695"/>
                      <a:pt x="2405" y="13850"/>
                      <a:pt x="4185" y="15667"/>
                    </a:cubicBezTo>
                    <a:cubicBezTo>
                      <a:pt x="6946" y="19219"/>
                      <a:pt x="10799" y="21799"/>
                      <a:pt x="15171" y="23025"/>
                    </a:cubicBezTo>
                    <a:cubicBezTo>
                      <a:pt x="21828" y="24234"/>
                      <a:pt x="28576" y="24888"/>
                      <a:pt x="35345" y="24981"/>
                    </a:cubicBezTo>
                    <a:lnTo>
                      <a:pt x="164816" y="24981"/>
                    </a:lnTo>
                    <a:cubicBezTo>
                      <a:pt x="170480" y="24894"/>
                      <a:pt x="175377" y="21072"/>
                      <a:pt x="176750" y="15667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176" name="Vrije vorm 187">
                <a:extLst>
                  <a:ext uri="{FF2B5EF4-FFF2-40B4-BE49-F238E27FC236}">
                    <a16:creationId xmlns="" xmlns:a16="http://schemas.microsoft.com/office/drawing/2014/main" id="{76D0D80B-8F7F-4759-8F67-00DD4F7C41EE}"/>
                  </a:ext>
                </a:extLst>
              </p:cNvPr>
              <p:cNvSpPr/>
              <p:nvPr userDrawn="1"/>
            </p:nvSpPr>
            <p:spPr>
              <a:xfrm>
                <a:off x="4503238" y="3289296"/>
                <a:ext cx="350434" cy="279400"/>
              </a:xfrm>
              <a:custGeom>
                <a:avLst/>
                <a:gdLst>
                  <a:gd name="connsiteX0" fmla="*/ 342006 w 350433"/>
                  <a:gd name="connsiteY0" fmla="*/ 9317 h 279400"/>
                  <a:gd name="connsiteX1" fmla="*/ 319748 w 350433"/>
                  <a:gd name="connsiteY1" fmla="*/ 4 h 279400"/>
                  <a:gd name="connsiteX2" fmla="*/ 31540 w 350433"/>
                  <a:gd name="connsiteY2" fmla="*/ 4 h 279400"/>
                  <a:gd name="connsiteX3" fmla="*/ 9472 w 350433"/>
                  <a:gd name="connsiteY3" fmla="*/ 9317 h 279400"/>
                  <a:gd name="connsiteX4" fmla="*/ 1 w 350433"/>
                  <a:gd name="connsiteY4" fmla="*/ 31762 h 279400"/>
                  <a:gd name="connsiteX5" fmla="*/ 1 w 350433"/>
                  <a:gd name="connsiteY5" fmla="*/ 247646 h 279400"/>
                  <a:gd name="connsiteX6" fmla="*/ 9472 w 350433"/>
                  <a:gd name="connsiteY6" fmla="*/ 270091 h 279400"/>
                  <a:gd name="connsiteX7" fmla="*/ 31540 w 350433"/>
                  <a:gd name="connsiteY7" fmla="*/ 279404 h 279400"/>
                  <a:gd name="connsiteX8" fmla="*/ 319748 w 350433"/>
                  <a:gd name="connsiteY8" fmla="*/ 279404 h 279400"/>
                  <a:gd name="connsiteX9" fmla="*/ 341911 w 350433"/>
                  <a:gd name="connsiteY9" fmla="*/ 270091 h 279400"/>
                  <a:gd name="connsiteX10" fmla="*/ 351382 w 350433"/>
                  <a:gd name="connsiteY10" fmla="*/ 247646 h 279400"/>
                  <a:gd name="connsiteX11" fmla="*/ 351382 w 350433"/>
                  <a:gd name="connsiteY11" fmla="*/ 31762 h 279400"/>
                  <a:gd name="connsiteX12" fmla="*/ 341911 w 350433"/>
                  <a:gd name="connsiteY12" fmla="*/ 9317 h 279400"/>
                  <a:gd name="connsiteX13" fmla="*/ 317002 w 350433"/>
                  <a:gd name="connsiteY13" fmla="*/ 65197 h 279400"/>
                  <a:gd name="connsiteX14" fmla="*/ 297302 w 350433"/>
                  <a:gd name="connsiteY14" fmla="*/ 88108 h 279400"/>
                  <a:gd name="connsiteX15" fmla="*/ 218785 w 350433"/>
                  <a:gd name="connsiteY15" fmla="*/ 150973 h 279400"/>
                  <a:gd name="connsiteX16" fmla="*/ 211966 w 350433"/>
                  <a:gd name="connsiteY16" fmla="*/ 156841 h 279400"/>
                  <a:gd name="connsiteX17" fmla="*/ 202969 w 350433"/>
                  <a:gd name="connsiteY17" fmla="*/ 164291 h 279400"/>
                  <a:gd name="connsiteX18" fmla="*/ 194255 w 350433"/>
                  <a:gd name="connsiteY18" fmla="*/ 170531 h 279400"/>
                  <a:gd name="connsiteX19" fmla="*/ 184784 w 350433"/>
                  <a:gd name="connsiteY19" fmla="*/ 176026 h 279400"/>
                  <a:gd name="connsiteX20" fmla="*/ 176355 w 350433"/>
                  <a:gd name="connsiteY20" fmla="*/ 177796 h 279400"/>
                  <a:gd name="connsiteX21" fmla="*/ 176355 w 350433"/>
                  <a:gd name="connsiteY21" fmla="*/ 177796 h 279400"/>
                  <a:gd name="connsiteX22" fmla="*/ 167925 w 350433"/>
                  <a:gd name="connsiteY22" fmla="*/ 176026 h 279400"/>
                  <a:gd name="connsiteX23" fmla="*/ 158454 w 350433"/>
                  <a:gd name="connsiteY23" fmla="*/ 170531 h 279400"/>
                  <a:gd name="connsiteX24" fmla="*/ 149740 w 350433"/>
                  <a:gd name="connsiteY24" fmla="*/ 164291 h 279400"/>
                  <a:gd name="connsiteX25" fmla="*/ 140269 w 350433"/>
                  <a:gd name="connsiteY25" fmla="*/ 156841 h 279400"/>
                  <a:gd name="connsiteX26" fmla="*/ 133355 w 350433"/>
                  <a:gd name="connsiteY26" fmla="*/ 150973 h 279400"/>
                  <a:gd name="connsiteX27" fmla="*/ 54555 w 350433"/>
                  <a:gd name="connsiteY27" fmla="*/ 88108 h 279400"/>
                  <a:gd name="connsiteX28" fmla="*/ 26141 w 350433"/>
                  <a:gd name="connsiteY28" fmla="*/ 31762 h 279400"/>
                  <a:gd name="connsiteX29" fmla="*/ 28036 w 350433"/>
                  <a:gd name="connsiteY29" fmla="*/ 27292 h 279400"/>
                  <a:gd name="connsiteX30" fmla="*/ 32392 w 350433"/>
                  <a:gd name="connsiteY30" fmla="*/ 25429 h 279400"/>
                  <a:gd name="connsiteX31" fmla="*/ 319748 w 350433"/>
                  <a:gd name="connsiteY31" fmla="*/ 25429 h 279400"/>
                  <a:gd name="connsiteX32" fmla="*/ 322495 w 350433"/>
                  <a:gd name="connsiteY32" fmla="*/ 25429 h 279400"/>
                  <a:gd name="connsiteX33" fmla="*/ 324294 w 350433"/>
                  <a:gd name="connsiteY33" fmla="*/ 26920 h 279400"/>
                  <a:gd name="connsiteX34" fmla="*/ 325336 w 350433"/>
                  <a:gd name="connsiteY34" fmla="*/ 28689 h 279400"/>
                  <a:gd name="connsiteX35" fmla="*/ 325905 w 350433"/>
                  <a:gd name="connsiteY35" fmla="*/ 31204 h 279400"/>
                  <a:gd name="connsiteX36" fmla="*/ 325905 w 350433"/>
                  <a:gd name="connsiteY36" fmla="*/ 33718 h 279400"/>
                  <a:gd name="connsiteX37" fmla="*/ 325905 w 350433"/>
                  <a:gd name="connsiteY37" fmla="*/ 39120 h 279400"/>
                  <a:gd name="connsiteX38" fmla="*/ 316433 w 350433"/>
                  <a:gd name="connsiteY38" fmla="*/ 65197 h 279400"/>
                  <a:gd name="connsiteX39" fmla="*/ 323726 w 350433"/>
                  <a:gd name="connsiteY39" fmla="*/ 252116 h 279400"/>
                  <a:gd name="connsiteX40" fmla="*/ 319275 w 350433"/>
                  <a:gd name="connsiteY40" fmla="*/ 253979 h 279400"/>
                  <a:gd name="connsiteX41" fmla="*/ 31540 w 350433"/>
                  <a:gd name="connsiteY41" fmla="*/ 253979 h 279400"/>
                  <a:gd name="connsiteX42" fmla="*/ 27183 w 350433"/>
                  <a:gd name="connsiteY42" fmla="*/ 252116 h 279400"/>
                  <a:gd name="connsiteX43" fmla="*/ 25289 w 350433"/>
                  <a:gd name="connsiteY43" fmla="*/ 247646 h 279400"/>
                  <a:gd name="connsiteX44" fmla="*/ 25289 w 350433"/>
                  <a:gd name="connsiteY44" fmla="*/ 95279 h 279400"/>
                  <a:gd name="connsiteX45" fmla="*/ 38833 w 350433"/>
                  <a:gd name="connsiteY45" fmla="*/ 108318 h 279400"/>
                  <a:gd name="connsiteX46" fmla="*/ 122274 w 350433"/>
                  <a:gd name="connsiteY46" fmla="*/ 175374 h 279400"/>
                  <a:gd name="connsiteX47" fmla="*/ 138470 w 350433"/>
                  <a:gd name="connsiteY47" fmla="*/ 188692 h 279400"/>
                  <a:gd name="connsiteX48" fmla="*/ 155423 w 350433"/>
                  <a:gd name="connsiteY48" fmla="*/ 198005 h 279400"/>
                  <a:gd name="connsiteX49" fmla="*/ 175502 w 350433"/>
                  <a:gd name="connsiteY49" fmla="*/ 202848 h 279400"/>
                  <a:gd name="connsiteX50" fmla="*/ 175502 w 350433"/>
                  <a:gd name="connsiteY50" fmla="*/ 202848 h 279400"/>
                  <a:gd name="connsiteX51" fmla="*/ 195581 w 350433"/>
                  <a:gd name="connsiteY51" fmla="*/ 198005 h 279400"/>
                  <a:gd name="connsiteX52" fmla="*/ 212534 w 350433"/>
                  <a:gd name="connsiteY52" fmla="*/ 188692 h 279400"/>
                  <a:gd name="connsiteX53" fmla="*/ 228825 w 350433"/>
                  <a:gd name="connsiteY53" fmla="*/ 175374 h 279400"/>
                  <a:gd name="connsiteX54" fmla="*/ 312266 w 350433"/>
                  <a:gd name="connsiteY54" fmla="*/ 108318 h 279400"/>
                  <a:gd name="connsiteX55" fmla="*/ 325715 w 350433"/>
                  <a:gd name="connsiteY55" fmla="*/ 95279 h 279400"/>
                  <a:gd name="connsiteX56" fmla="*/ 325715 w 350433"/>
                  <a:gd name="connsiteY56" fmla="*/ 247646 h 279400"/>
                  <a:gd name="connsiteX57" fmla="*/ 323916 w 350433"/>
                  <a:gd name="connsiteY57" fmla="*/ 252116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</a:cxnLst>
                <a:rect l="l" t="t" r="r" b="b"/>
                <a:pathLst>
                  <a:path w="350433" h="279400">
                    <a:moveTo>
                      <a:pt x="342006" y="9317"/>
                    </a:moveTo>
                    <a:cubicBezTo>
                      <a:pt x="336263" y="3252"/>
                      <a:pt x="328174" y="-133"/>
                      <a:pt x="319748" y="4"/>
                    </a:cubicBezTo>
                    <a:lnTo>
                      <a:pt x="31540" y="4"/>
                    </a:lnTo>
                    <a:cubicBezTo>
                      <a:pt x="23170" y="-127"/>
                      <a:pt x="15142" y="3261"/>
                      <a:pt x="9472" y="9317"/>
                    </a:cubicBezTo>
                    <a:cubicBezTo>
                      <a:pt x="3351" y="15227"/>
                      <a:pt x="-67" y="23327"/>
                      <a:pt x="1" y="31762"/>
                    </a:cubicBezTo>
                    <a:lnTo>
                      <a:pt x="1" y="247646"/>
                    </a:lnTo>
                    <a:cubicBezTo>
                      <a:pt x="-67" y="256081"/>
                      <a:pt x="3351" y="264181"/>
                      <a:pt x="9472" y="270091"/>
                    </a:cubicBezTo>
                    <a:cubicBezTo>
                      <a:pt x="15142" y="276147"/>
                      <a:pt x="23170" y="279535"/>
                      <a:pt x="31540" y="279404"/>
                    </a:cubicBezTo>
                    <a:lnTo>
                      <a:pt x="319748" y="279404"/>
                    </a:lnTo>
                    <a:cubicBezTo>
                      <a:pt x="328141" y="279514"/>
                      <a:pt x="336191" y="276132"/>
                      <a:pt x="341911" y="270091"/>
                    </a:cubicBezTo>
                    <a:cubicBezTo>
                      <a:pt x="348041" y="264187"/>
                      <a:pt x="351461" y="256083"/>
                      <a:pt x="351382" y="247646"/>
                    </a:cubicBezTo>
                    <a:lnTo>
                      <a:pt x="351382" y="31762"/>
                    </a:lnTo>
                    <a:cubicBezTo>
                      <a:pt x="351461" y="23325"/>
                      <a:pt x="348041" y="15221"/>
                      <a:pt x="341911" y="9317"/>
                    </a:cubicBezTo>
                    <a:moveTo>
                      <a:pt x="317002" y="65197"/>
                    </a:moveTo>
                    <a:cubicBezTo>
                      <a:pt x="311769" y="73854"/>
                      <a:pt x="305112" y="81596"/>
                      <a:pt x="297302" y="88108"/>
                    </a:cubicBezTo>
                    <a:lnTo>
                      <a:pt x="218785" y="150973"/>
                    </a:lnTo>
                    <a:lnTo>
                      <a:pt x="211966" y="156841"/>
                    </a:lnTo>
                    <a:cubicBezTo>
                      <a:pt x="208178" y="160100"/>
                      <a:pt x="205147" y="162615"/>
                      <a:pt x="202969" y="164291"/>
                    </a:cubicBezTo>
                    <a:cubicBezTo>
                      <a:pt x="200790" y="165968"/>
                      <a:pt x="197854" y="168110"/>
                      <a:pt x="194255" y="170531"/>
                    </a:cubicBezTo>
                    <a:cubicBezTo>
                      <a:pt x="191316" y="172704"/>
                      <a:pt x="188139" y="174547"/>
                      <a:pt x="184784" y="176026"/>
                    </a:cubicBezTo>
                    <a:cubicBezTo>
                      <a:pt x="182122" y="177162"/>
                      <a:pt x="179256" y="177764"/>
                      <a:pt x="176355" y="177796"/>
                    </a:cubicBezTo>
                    <a:lnTo>
                      <a:pt x="176355" y="177796"/>
                    </a:lnTo>
                    <a:cubicBezTo>
                      <a:pt x="173455" y="177744"/>
                      <a:pt x="170593" y="177144"/>
                      <a:pt x="167925" y="176026"/>
                    </a:cubicBezTo>
                    <a:cubicBezTo>
                      <a:pt x="164578" y="174532"/>
                      <a:pt x="161403" y="172690"/>
                      <a:pt x="158454" y="170531"/>
                    </a:cubicBezTo>
                    <a:cubicBezTo>
                      <a:pt x="154855" y="168110"/>
                      <a:pt x="151919" y="166061"/>
                      <a:pt x="149740" y="164291"/>
                    </a:cubicBezTo>
                    <a:cubicBezTo>
                      <a:pt x="147562" y="162522"/>
                      <a:pt x="144531" y="160100"/>
                      <a:pt x="140269" y="156841"/>
                    </a:cubicBezTo>
                    <a:lnTo>
                      <a:pt x="133355" y="150973"/>
                    </a:lnTo>
                    <a:cubicBezTo>
                      <a:pt x="106078" y="129180"/>
                      <a:pt x="79812" y="108225"/>
                      <a:pt x="54555" y="88108"/>
                    </a:cubicBezTo>
                    <a:cubicBezTo>
                      <a:pt x="36570" y="74789"/>
                      <a:pt x="26037" y="53902"/>
                      <a:pt x="26141" y="31762"/>
                    </a:cubicBezTo>
                    <a:cubicBezTo>
                      <a:pt x="26135" y="30082"/>
                      <a:pt x="26818" y="28471"/>
                      <a:pt x="28036" y="27292"/>
                    </a:cubicBezTo>
                    <a:cubicBezTo>
                      <a:pt x="29134" y="26065"/>
                      <a:pt x="30731" y="25382"/>
                      <a:pt x="32392" y="25429"/>
                    </a:cubicBezTo>
                    <a:lnTo>
                      <a:pt x="319748" y="25429"/>
                    </a:lnTo>
                    <a:cubicBezTo>
                      <a:pt x="320652" y="25226"/>
                      <a:pt x="321591" y="25226"/>
                      <a:pt x="322495" y="25429"/>
                    </a:cubicBezTo>
                    <a:cubicBezTo>
                      <a:pt x="323248" y="25714"/>
                      <a:pt x="323881" y="26239"/>
                      <a:pt x="324294" y="26920"/>
                    </a:cubicBezTo>
                    <a:lnTo>
                      <a:pt x="325336" y="28689"/>
                    </a:lnTo>
                    <a:cubicBezTo>
                      <a:pt x="325767" y="29456"/>
                      <a:pt x="325965" y="30329"/>
                      <a:pt x="325905" y="31204"/>
                    </a:cubicBezTo>
                    <a:cubicBezTo>
                      <a:pt x="325905" y="32321"/>
                      <a:pt x="325905" y="33159"/>
                      <a:pt x="325905" y="33718"/>
                    </a:cubicBezTo>
                    <a:lnTo>
                      <a:pt x="325905" y="39120"/>
                    </a:lnTo>
                    <a:cubicBezTo>
                      <a:pt x="325266" y="48508"/>
                      <a:pt x="321987" y="57536"/>
                      <a:pt x="316433" y="65197"/>
                    </a:cubicBezTo>
                    <a:moveTo>
                      <a:pt x="323726" y="252116"/>
                    </a:moveTo>
                    <a:cubicBezTo>
                      <a:pt x="322563" y="253308"/>
                      <a:pt x="320955" y="253981"/>
                      <a:pt x="319275" y="253979"/>
                    </a:cubicBezTo>
                    <a:lnTo>
                      <a:pt x="31540" y="253979"/>
                    </a:lnTo>
                    <a:cubicBezTo>
                      <a:pt x="29888" y="253977"/>
                      <a:pt x="28311" y="253303"/>
                      <a:pt x="27183" y="252116"/>
                    </a:cubicBezTo>
                    <a:cubicBezTo>
                      <a:pt x="25983" y="250926"/>
                      <a:pt x="25303" y="249322"/>
                      <a:pt x="25289" y="247646"/>
                    </a:cubicBezTo>
                    <a:lnTo>
                      <a:pt x="25289" y="95279"/>
                    </a:lnTo>
                    <a:cubicBezTo>
                      <a:pt x="29420" y="99995"/>
                      <a:pt x="33951" y="104356"/>
                      <a:pt x="38833" y="108318"/>
                    </a:cubicBezTo>
                    <a:cubicBezTo>
                      <a:pt x="73813" y="135575"/>
                      <a:pt x="101627" y="157927"/>
                      <a:pt x="122274" y="175374"/>
                    </a:cubicBezTo>
                    <a:cubicBezTo>
                      <a:pt x="128904" y="181148"/>
                      <a:pt x="134302" y="185526"/>
                      <a:pt x="138470" y="188692"/>
                    </a:cubicBezTo>
                    <a:cubicBezTo>
                      <a:pt x="143769" y="192380"/>
                      <a:pt x="149452" y="195502"/>
                      <a:pt x="155423" y="198005"/>
                    </a:cubicBezTo>
                    <a:cubicBezTo>
                      <a:pt x="161690" y="201004"/>
                      <a:pt x="168535" y="202655"/>
                      <a:pt x="175502" y="202848"/>
                    </a:cubicBezTo>
                    <a:lnTo>
                      <a:pt x="175502" y="202848"/>
                    </a:lnTo>
                    <a:cubicBezTo>
                      <a:pt x="182470" y="202663"/>
                      <a:pt x="189317" y="201012"/>
                      <a:pt x="195581" y="198005"/>
                    </a:cubicBezTo>
                    <a:cubicBezTo>
                      <a:pt x="201552" y="195502"/>
                      <a:pt x="207236" y="192380"/>
                      <a:pt x="212534" y="188692"/>
                    </a:cubicBezTo>
                    <a:cubicBezTo>
                      <a:pt x="216702" y="185526"/>
                      <a:pt x="222006" y="181148"/>
                      <a:pt x="228825" y="175374"/>
                    </a:cubicBezTo>
                    <a:cubicBezTo>
                      <a:pt x="249472" y="157989"/>
                      <a:pt x="277286" y="135637"/>
                      <a:pt x="312266" y="108318"/>
                    </a:cubicBezTo>
                    <a:cubicBezTo>
                      <a:pt x="317117" y="104355"/>
                      <a:pt x="321617" y="99993"/>
                      <a:pt x="325715" y="95279"/>
                    </a:cubicBezTo>
                    <a:lnTo>
                      <a:pt x="325715" y="247646"/>
                    </a:lnTo>
                    <a:cubicBezTo>
                      <a:pt x="325736" y="249310"/>
                      <a:pt x="325090" y="250916"/>
                      <a:pt x="323916" y="252116"/>
                    </a:cubicBezTo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171" name="Tekstvak 182">
              <a:extLst>
                <a:ext uri="{FF2B5EF4-FFF2-40B4-BE49-F238E27FC236}">
                  <a16:creationId xmlns="" xmlns:a16="http://schemas.microsoft.com/office/drawing/2014/main" id="{E38756C3-9EAD-4CC8-B235-DEA9CFA18F78}"/>
                </a:ext>
              </a:extLst>
            </p:cNvPr>
            <p:cNvSpPr txBox="1"/>
            <p:nvPr userDrawn="1"/>
          </p:nvSpPr>
          <p:spPr>
            <a:xfrm>
              <a:off x="5084416" y="6205837"/>
              <a:ext cx="824874" cy="70174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Отправить письмо по электронной почте</a:t>
              </a:r>
            </a:p>
          </p:txBody>
        </p:sp>
      </p:grpSp>
      <p:grpSp>
        <p:nvGrpSpPr>
          <p:cNvPr id="177" name="Group 176">
            <a:extLst>
              <a:ext uri="{FF2B5EF4-FFF2-40B4-BE49-F238E27FC236}">
                <a16:creationId xmlns="" xmlns:a16="http://schemas.microsoft.com/office/drawing/2014/main" id="{6CC6E915-5524-4E8A-9597-F03831462E22}"/>
              </a:ext>
            </a:extLst>
          </p:cNvPr>
          <p:cNvGrpSpPr/>
          <p:nvPr userDrawn="1"/>
        </p:nvGrpSpPr>
        <p:grpSpPr>
          <a:xfrm>
            <a:off x="7399317" y="6440973"/>
            <a:ext cx="1538929" cy="205629"/>
            <a:chOff x="4439927" y="6440972"/>
            <a:chExt cx="1154197" cy="205629"/>
          </a:xfrm>
        </p:grpSpPr>
        <p:sp>
          <p:nvSpPr>
            <p:cNvPr id="178" name="Graphic 71">
              <a:extLst>
                <a:ext uri="{FF2B5EF4-FFF2-40B4-BE49-F238E27FC236}">
                  <a16:creationId xmlns="" xmlns:a16="http://schemas.microsoft.com/office/drawing/2014/main" id="{1826EA52-699A-4DD8-AAC2-CAD5576EDDEF}"/>
                </a:ext>
              </a:extLst>
            </p:cNvPr>
            <p:cNvSpPr/>
            <p:nvPr userDrawn="1"/>
          </p:nvSpPr>
          <p:spPr>
            <a:xfrm>
              <a:off x="4439927" y="6440972"/>
              <a:ext cx="168242" cy="205629"/>
            </a:xfrm>
            <a:custGeom>
              <a:avLst/>
              <a:gdLst>
                <a:gd name="connsiteX0" fmla="*/ 230429 w 228600"/>
                <a:gd name="connsiteY0" fmla="*/ 268131 h 279400"/>
                <a:gd name="connsiteX1" fmla="*/ 230429 w 228600"/>
                <a:gd name="connsiteY1" fmla="*/ 190086 h 279400"/>
                <a:gd name="connsiteX2" fmla="*/ 219456 w 228600"/>
                <a:gd name="connsiteY2" fmla="*/ 178816 h 279400"/>
                <a:gd name="connsiteX3" fmla="*/ 186538 w 228600"/>
                <a:gd name="connsiteY3" fmla="*/ 178816 h 279400"/>
                <a:gd name="connsiteX4" fmla="*/ 186538 w 228600"/>
                <a:gd name="connsiteY4" fmla="*/ 134112 h 279400"/>
                <a:gd name="connsiteX5" fmla="*/ 120701 w 228600"/>
                <a:gd name="connsiteY5" fmla="*/ 134112 h 279400"/>
                <a:gd name="connsiteX6" fmla="*/ 120701 w 228600"/>
                <a:gd name="connsiteY6" fmla="*/ 100584 h 279400"/>
                <a:gd name="connsiteX7" fmla="*/ 153436 w 228600"/>
                <a:gd name="connsiteY7" fmla="*/ 100584 h 279400"/>
                <a:gd name="connsiteX8" fmla="*/ 164592 w 228600"/>
                <a:gd name="connsiteY8" fmla="*/ 89409 h 279400"/>
                <a:gd name="connsiteX9" fmla="*/ 164592 w 228600"/>
                <a:gd name="connsiteY9" fmla="*/ 89315 h 279400"/>
                <a:gd name="connsiteX10" fmla="*/ 164592 w 228600"/>
                <a:gd name="connsiteY10" fmla="*/ 11270 h 279400"/>
                <a:gd name="connsiteX11" fmla="*/ 153528 w 228600"/>
                <a:gd name="connsiteY11" fmla="*/ 0 h 279400"/>
                <a:gd name="connsiteX12" fmla="*/ 153436 w 228600"/>
                <a:gd name="connsiteY12" fmla="*/ 0 h 279400"/>
                <a:gd name="connsiteX13" fmla="*/ 76992 w 228600"/>
                <a:gd name="connsiteY13" fmla="*/ 0 h 279400"/>
                <a:gd name="connsiteX14" fmla="*/ 65837 w 228600"/>
                <a:gd name="connsiteY14" fmla="*/ 11176 h 279400"/>
                <a:gd name="connsiteX15" fmla="*/ 65837 w 228600"/>
                <a:gd name="connsiteY15" fmla="*/ 11270 h 279400"/>
                <a:gd name="connsiteX16" fmla="*/ 65837 w 228600"/>
                <a:gd name="connsiteY16" fmla="*/ 89315 h 279400"/>
                <a:gd name="connsiteX17" fmla="*/ 76901 w 228600"/>
                <a:gd name="connsiteY17" fmla="*/ 100585 h 279400"/>
                <a:gd name="connsiteX18" fmla="*/ 76992 w 228600"/>
                <a:gd name="connsiteY18" fmla="*/ 100584 h 279400"/>
                <a:gd name="connsiteX19" fmla="*/ 109728 w 228600"/>
                <a:gd name="connsiteY19" fmla="*/ 100584 h 279400"/>
                <a:gd name="connsiteX20" fmla="*/ 109728 w 228600"/>
                <a:gd name="connsiteY20" fmla="*/ 134112 h 279400"/>
                <a:gd name="connsiteX21" fmla="*/ 43891 w 228600"/>
                <a:gd name="connsiteY21" fmla="*/ 134112 h 279400"/>
                <a:gd name="connsiteX22" fmla="*/ 43891 w 228600"/>
                <a:gd name="connsiteY22" fmla="*/ 178816 h 279400"/>
                <a:gd name="connsiteX23" fmla="*/ 11156 w 228600"/>
                <a:gd name="connsiteY23" fmla="*/ 178816 h 279400"/>
                <a:gd name="connsiteX24" fmla="*/ 0 w 228600"/>
                <a:gd name="connsiteY24" fmla="*/ 189992 h 279400"/>
                <a:gd name="connsiteX25" fmla="*/ 0 w 228600"/>
                <a:gd name="connsiteY25" fmla="*/ 190086 h 279400"/>
                <a:gd name="connsiteX26" fmla="*/ 0 w 228600"/>
                <a:gd name="connsiteY26" fmla="*/ 268131 h 279400"/>
                <a:gd name="connsiteX27" fmla="*/ 11064 w 228600"/>
                <a:gd name="connsiteY27" fmla="*/ 279401 h 279400"/>
                <a:gd name="connsiteX28" fmla="*/ 11156 w 228600"/>
                <a:gd name="connsiteY28" fmla="*/ 279400 h 279400"/>
                <a:gd name="connsiteX29" fmla="*/ 87600 w 228600"/>
                <a:gd name="connsiteY29" fmla="*/ 279400 h 279400"/>
                <a:gd name="connsiteX30" fmla="*/ 98755 w 228600"/>
                <a:gd name="connsiteY30" fmla="*/ 268225 h 279400"/>
                <a:gd name="connsiteX31" fmla="*/ 98755 w 228600"/>
                <a:gd name="connsiteY31" fmla="*/ 268131 h 279400"/>
                <a:gd name="connsiteX32" fmla="*/ 98755 w 228600"/>
                <a:gd name="connsiteY32" fmla="*/ 190086 h 279400"/>
                <a:gd name="connsiteX33" fmla="*/ 87691 w 228600"/>
                <a:gd name="connsiteY33" fmla="*/ 178816 h 279400"/>
                <a:gd name="connsiteX34" fmla="*/ 87600 w 228600"/>
                <a:gd name="connsiteY34" fmla="*/ 178816 h 279400"/>
                <a:gd name="connsiteX35" fmla="*/ 54864 w 228600"/>
                <a:gd name="connsiteY35" fmla="*/ 178816 h 279400"/>
                <a:gd name="connsiteX36" fmla="*/ 54864 w 228600"/>
                <a:gd name="connsiteY36" fmla="*/ 145288 h 279400"/>
                <a:gd name="connsiteX37" fmla="*/ 175565 w 228600"/>
                <a:gd name="connsiteY37" fmla="*/ 145288 h 279400"/>
                <a:gd name="connsiteX38" fmla="*/ 175565 w 228600"/>
                <a:gd name="connsiteY38" fmla="*/ 178816 h 279400"/>
                <a:gd name="connsiteX39" fmla="*/ 142829 w 228600"/>
                <a:gd name="connsiteY39" fmla="*/ 178816 h 279400"/>
                <a:gd name="connsiteX40" fmla="*/ 131674 w 228600"/>
                <a:gd name="connsiteY40" fmla="*/ 189992 h 279400"/>
                <a:gd name="connsiteX41" fmla="*/ 131674 w 228600"/>
                <a:gd name="connsiteY41" fmla="*/ 190086 h 279400"/>
                <a:gd name="connsiteX42" fmla="*/ 131674 w 228600"/>
                <a:gd name="connsiteY42" fmla="*/ 268131 h 279400"/>
                <a:gd name="connsiteX43" fmla="*/ 142737 w 228600"/>
                <a:gd name="connsiteY43" fmla="*/ 279401 h 279400"/>
                <a:gd name="connsiteX44" fmla="*/ 142829 w 228600"/>
                <a:gd name="connsiteY44" fmla="*/ 279400 h 279400"/>
                <a:gd name="connsiteX45" fmla="*/ 219456 w 228600"/>
                <a:gd name="connsiteY45" fmla="*/ 279400 h 279400"/>
                <a:gd name="connsiteX46" fmla="*/ 230611 w 228600"/>
                <a:gd name="connsiteY46" fmla="*/ 268225 h 279400"/>
                <a:gd name="connsiteX47" fmla="*/ 230612 w 228600"/>
                <a:gd name="connsiteY47" fmla="*/ 268131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</a:cxnLst>
              <a:rect l="l" t="t" r="r" b="b"/>
              <a:pathLst>
                <a:path w="228600" h="279400">
                  <a:moveTo>
                    <a:pt x="230429" y="268131"/>
                  </a:moveTo>
                  <a:lnTo>
                    <a:pt x="230429" y="190086"/>
                  </a:lnTo>
                  <a:cubicBezTo>
                    <a:pt x="230429" y="183898"/>
                    <a:pt x="225531" y="178868"/>
                    <a:pt x="219456" y="178816"/>
                  </a:cubicBezTo>
                  <a:lnTo>
                    <a:pt x="186538" y="178816"/>
                  </a:lnTo>
                  <a:lnTo>
                    <a:pt x="186538" y="134112"/>
                  </a:lnTo>
                  <a:lnTo>
                    <a:pt x="120701" y="134112"/>
                  </a:lnTo>
                  <a:lnTo>
                    <a:pt x="120701" y="100584"/>
                  </a:lnTo>
                  <a:lnTo>
                    <a:pt x="153436" y="100584"/>
                  </a:lnTo>
                  <a:cubicBezTo>
                    <a:pt x="159547" y="100636"/>
                    <a:pt x="164541" y="95632"/>
                    <a:pt x="164592" y="89409"/>
                  </a:cubicBezTo>
                  <a:cubicBezTo>
                    <a:pt x="164592" y="89378"/>
                    <a:pt x="164592" y="89346"/>
                    <a:pt x="164592" y="89315"/>
                  </a:cubicBezTo>
                  <a:lnTo>
                    <a:pt x="164592" y="11270"/>
                  </a:lnTo>
                  <a:cubicBezTo>
                    <a:pt x="164592" y="5046"/>
                    <a:pt x="159639" y="0"/>
                    <a:pt x="153528" y="0"/>
                  </a:cubicBezTo>
                  <a:cubicBezTo>
                    <a:pt x="153498" y="0"/>
                    <a:pt x="153467" y="0"/>
                    <a:pt x="153436" y="0"/>
                  </a:cubicBezTo>
                  <a:lnTo>
                    <a:pt x="76992" y="0"/>
                  </a:lnTo>
                  <a:cubicBezTo>
                    <a:pt x="70882" y="-51"/>
                    <a:pt x="65888" y="4952"/>
                    <a:pt x="65837" y="11176"/>
                  </a:cubicBezTo>
                  <a:cubicBezTo>
                    <a:pt x="65837" y="11207"/>
                    <a:pt x="65837" y="11238"/>
                    <a:pt x="65837" y="11270"/>
                  </a:cubicBezTo>
                  <a:lnTo>
                    <a:pt x="65837" y="89315"/>
                  </a:lnTo>
                  <a:cubicBezTo>
                    <a:pt x="65837" y="95539"/>
                    <a:pt x="70790" y="100585"/>
                    <a:pt x="76901" y="100585"/>
                  </a:cubicBezTo>
                  <a:cubicBezTo>
                    <a:pt x="76931" y="100585"/>
                    <a:pt x="76962" y="100585"/>
                    <a:pt x="76992" y="100584"/>
                  </a:cubicBezTo>
                  <a:lnTo>
                    <a:pt x="109728" y="100584"/>
                  </a:lnTo>
                  <a:lnTo>
                    <a:pt x="109728" y="134112"/>
                  </a:lnTo>
                  <a:lnTo>
                    <a:pt x="43891" y="134112"/>
                  </a:lnTo>
                  <a:lnTo>
                    <a:pt x="43891" y="178816"/>
                  </a:lnTo>
                  <a:lnTo>
                    <a:pt x="11156" y="178816"/>
                  </a:lnTo>
                  <a:cubicBezTo>
                    <a:pt x="5045" y="178765"/>
                    <a:pt x="51" y="183768"/>
                    <a:pt x="0" y="189992"/>
                  </a:cubicBezTo>
                  <a:cubicBezTo>
                    <a:pt x="0" y="190023"/>
                    <a:pt x="0" y="190054"/>
                    <a:pt x="0" y="190086"/>
                  </a:cubicBezTo>
                  <a:lnTo>
                    <a:pt x="0" y="268131"/>
                  </a:lnTo>
                  <a:cubicBezTo>
                    <a:pt x="0" y="274355"/>
                    <a:pt x="4953" y="279401"/>
                    <a:pt x="11064" y="279401"/>
                  </a:cubicBezTo>
                  <a:cubicBezTo>
                    <a:pt x="11094" y="279401"/>
                    <a:pt x="11125" y="279401"/>
                    <a:pt x="11156" y="279400"/>
                  </a:cubicBezTo>
                  <a:lnTo>
                    <a:pt x="87600" y="279400"/>
                  </a:lnTo>
                  <a:cubicBezTo>
                    <a:pt x="93710" y="279452"/>
                    <a:pt x="98704" y="274448"/>
                    <a:pt x="98755" y="268225"/>
                  </a:cubicBezTo>
                  <a:cubicBezTo>
                    <a:pt x="98755" y="268194"/>
                    <a:pt x="98755" y="268162"/>
                    <a:pt x="98755" y="268131"/>
                  </a:cubicBezTo>
                  <a:lnTo>
                    <a:pt x="98755" y="190086"/>
                  </a:lnTo>
                  <a:cubicBezTo>
                    <a:pt x="98755" y="183862"/>
                    <a:pt x="93802" y="178816"/>
                    <a:pt x="87691" y="178816"/>
                  </a:cubicBezTo>
                  <a:cubicBezTo>
                    <a:pt x="87661" y="178816"/>
                    <a:pt x="87630" y="178816"/>
                    <a:pt x="87600" y="178816"/>
                  </a:cubicBezTo>
                  <a:lnTo>
                    <a:pt x="54864" y="178816"/>
                  </a:lnTo>
                  <a:lnTo>
                    <a:pt x="54864" y="145288"/>
                  </a:lnTo>
                  <a:lnTo>
                    <a:pt x="175565" y="145288"/>
                  </a:lnTo>
                  <a:lnTo>
                    <a:pt x="175565" y="178816"/>
                  </a:lnTo>
                  <a:lnTo>
                    <a:pt x="142829" y="178816"/>
                  </a:lnTo>
                  <a:cubicBezTo>
                    <a:pt x="136719" y="178765"/>
                    <a:pt x="131724" y="183768"/>
                    <a:pt x="131674" y="189992"/>
                  </a:cubicBezTo>
                  <a:cubicBezTo>
                    <a:pt x="131674" y="190023"/>
                    <a:pt x="131674" y="190054"/>
                    <a:pt x="131674" y="190086"/>
                  </a:cubicBezTo>
                  <a:lnTo>
                    <a:pt x="131674" y="268131"/>
                  </a:lnTo>
                  <a:cubicBezTo>
                    <a:pt x="131673" y="274355"/>
                    <a:pt x="136627" y="279401"/>
                    <a:pt x="142737" y="279401"/>
                  </a:cubicBezTo>
                  <a:cubicBezTo>
                    <a:pt x="142768" y="279401"/>
                    <a:pt x="142799" y="279401"/>
                    <a:pt x="142829" y="279400"/>
                  </a:cubicBezTo>
                  <a:lnTo>
                    <a:pt x="219456" y="279400"/>
                  </a:lnTo>
                  <a:cubicBezTo>
                    <a:pt x="225566" y="279452"/>
                    <a:pt x="230561" y="274448"/>
                    <a:pt x="230611" y="268225"/>
                  </a:cubicBezTo>
                  <a:cubicBezTo>
                    <a:pt x="230612" y="268194"/>
                    <a:pt x="230612" y="268162"/>
                    <a:pt x="230612" y="268131"/>
                  </a:cubicBezTo>
                </a:path>
              </a:pathLst>
            </a:custGeom>
            <a:solidFill>
              <a:schemeClr val="tx1"/>
            </a:solidFill>
            <a:ln w="914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accent2"/>
                </a:solidFill>
              </a:endParaRPr>
            </a:p>
          </p:txBody>
        </p:sp>
        <p:sp>
          <p:nvSpPr>
            <p:cNvPr id="179" name="Tekstvak 149">
              <a:extLst>
                <a:ext uri="{FF2B5EF4-FFF2-40B4-BE49-F238E27FC236}">
                  <a16:creationId xmlns="" xmlns:a16="http://schemas.microsoft.com/office/drawing/2014/main" id="{6FD32D45-A071-49B4-9C99-068FD9FE81E2}"/>
                </a:ext>
              </a:extLst>
            </p:cNvPr>
            <p:cNvSpPr txBox="1"/>
            <p:nvPr userDrawn="1"/>
          </p:nvSpPr>
          <p:spPr>
            <a:xfrm>
              <a:off x="4696928" y="6365541"/>
              <a:ext cx="898093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Дизайн исследования</a:t>
              </a:r>
            </a:p>
          </p:txBody>
        </p:sp>
      </p:grpSp>
      <p:grpSp>
        <p:nvGrpSpPr>
          <p:cNvPr id="180" name="Group 179">
            <a:extLst>
              <a:ext uri="{FF2B5EF4-FFF2-40B4-BE49-F238E27FC236}">
                <a16:creationId xmlns="" xmlns:a16="http://schemas.microsoft.com/office/drawing/2014/main" id="{917C2E5D-0AE3-4B65-9654-7F8925F7C5B1}"/>
              </a:ext>
            </a:extLst>
          </p:cNvPr>
          <p:cNvGrpSpPr/>
          <p:nvPr userDrawn="1"/>
        </p:nvGrpSpPr>
        <p:grpSpPr>
          <a:xfrm>
            <a:off x="3756424" y="6455150"/>
            <a:ext cx="1427357" cy="199392"/>
            <a:chOff x="2097837" y="6611131"/>
            <a:chExt cx="1070518" cy="199392"/>
          </a:xfrm>
        </p:grpSpPr>
        <p:sp>
          <p:nvSpPr>
            <p:cNvPr id="181" name="Vrije vorm 194">
              <a:extLst>
                <a:ext uri="{FF2B5EF4-FFF2-40B4-BE49-F238E27FC236}">
                  <a16:creationId xmlns="" xmlns:a16="http://schemas.microsoft.com/office/drawing/2014/main" id="{BFEBE6ED-9ACE-44BC-A4F9-6D93C16458D2}"/>
                </a:ext>
              </a:extLst>
            </p:cNvPr>
            <p:cNvSpPr/>
            <p:nvPr userDrawn="1"/>
          </p:nvSpPr>
          <p:spPr>
            <a:xfrm>
              <a:off x="2097837" y="6789960"/>
              <a:ext cx="41541" cy="20563"/>
            </a:xfrm>
            <a:custGeom>
              <a:avLst/>
              <a:gdLst>
                <a:gd name="connsiteX0" fmla="*/ 0 w 56444"/>
                <a:gd name="connsiteY0" fmla="*/ 0 h 27940"/>
                <a:gd name="connsiteX1" fmla="*/ 61336 w 56444"/>
                <a:gd name="connsiteY1" fmla="*/ 0 h 27940"/>
                <a:gd name="connsiteX2" fmla="*/ 61336 w 56444"/>
                <a:gd name="connsiteY2" fmla="*/ 36415 h 27940"/>
                <a:gd name="connsiteX3" fmla="*/ 0 w 56444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27940">
                  <a:moveTo>
                    <a:pt x="0" y="0"/>
                  </a:moveTo>
                  <a:lnTo>
                    <a:pt x="61336" y="0"/>
                  </a:lnTo>
                  <a:lnTo>
                    <a:pt x="61336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82" name="Vrije vorm 195">
              <a:extLst>
                <a:ext uri="{FF2B5EF4-FFF2-40B4-BE49-F238E27FC236}">
                  <a16:creationId xmlns="" xmlns:a16="http://schemas.microsoft.com/office/drawing/2014/main" id="{2AE3FA1E-889E-41D7-A6DA-6F326DBB81FD}"/>
                </a:ext>
              </a:extLst>
            </p:cNvPr>
            <p:cNvSpPr/>
            <p:nvPr userDrawn="1"/>
          </p:nvSpPr>
          <p:spPr>
            <a:xfrm>
              <a:off x="2097837" y="6763091"/>
              <a:ext cx="41541" cy="13709"/>
            </a:xfrm>
            <a:custGeom>
              <a:avLst/>
              <a:gdLst>
                <a:gd name="connsiteX0" fmla="*/ 0 w 56444"/>
                <a:gd name="connsiteY0" fmla="*/ 0 h 18626"/>
                <a:gd name="connsiteX1" fmla="*/ 61336 w 56444"/>
                <a:gd name="connsiteY1" fmla="*/ 0 h 18626"/>
                <a:gd name="connsiteX2" fmla="*/ 61336 w 56444"/>
                <a:gd name="connsiteY2" fmla="*/ 24308 h 18626"/>
                <a:gd name="connsiteX3" fmla="*/ 0 w 56444"/>
                <a:gd name="connsiteY3" fmla="*/ 24308 h 18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18626">
                  <a:moveTo>
                    <a:pt x="0" y="0"/>
                  </a:moveTo>
                  <a:lnTo>
                    <a:pt x="61336" y="0"/>
                  </a:lnTo>
                  <a:lnTo>
                    <a:pt x="61336" y="24308"/>
                  </a:lnTo>
                  <a:lnTo>
                    <a:pt x="0" y="24308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83" name="Vrije vorm 196">
              <a:extLst>
                <a:ext uri="{FF2B5EF4-FFF2-40B4-BE49-F238E27FC236}">
                  <a16:creationId xmlns="" xmlns:a16="http://schemas.microsoft.com/office/drawing/2014/main" id="{086D60DD-9443-463A-82F8-3E1B158BFAA3}"/>
                </a:ext>
              </a:extLst>
            </p:cNvPr>
            <p:cNvSpPr/>
            <p:nvPr userDrawn="1"/>
          </p:nvSpPr>
          <p:spPr>
            <a:xfrm>
              <a:off x="2097837" y="6673711"/>
              <a:ext cx="41541" cy="75398"/>
            </a:xfrm>
            <a:custGeom>
              <a:avLst/>
              <a:gdLst>
                <a:gd name="connsiteX0" fmla="*/ 0 w 56444"/>
                <a:gd name="connsiteY0" fmla="*/ 0 h 102446"/>
                <a:gd name="connsiteX1" fmla="*/ 61336 w 56444"/>
                <a:gd name="connsiteY1" fmla="*/ 0 h 102446"/>
                <a:gd name="connsiteX2" fmla="*/ 61336 w 56444"/>
                <a:gd name="connsiteY2" fmla="*/ 109339 h 102446"/>
                <a:gd name="connsiteX3" fmla="*/ 0 w 56444"/>
                <a:gd name="connsiteY3" fmla="*/ 109339 h 1024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102446">
                  <a:moveTo>
                    <a:pt x="0" y="0"/>
                  </a:moveTo>
                  <a:lnTo>
                    <a:pt x="61336" y="0"/>
                  </a:lnTo>
                  <a:lnTo>
                    <a:pt x="61336" y="109339"/>
                  </a:lnTo>
                  <a:lnTo>
                    <a:pt x="0" y="109339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84" name="Vrije vorm 197">
              <a:extLst>
                <a:ext uri="{FF2B5EF4-FFF2-40B4-BE49-F238E27FC236}">
                  <a16:creationId xmlns="" xmlns:a16="http://schemas.microsoft.com/office/drawing/2014/main" id="{C93A7EB6-0014-409E-8513-F76F85E54EF8}"/>
                </a:ext>
              </a:extLst>
            </p:cNvPr>
            <p:cNvSpPr/>
            <p:nvPr userDrawn="1"/>
          </p:nvSpPr>
          <p:spPr>
            <a:xfrm>
              <a:off x="2097837" y="6629021"/>
              <a:ext cx="41541" cy="34272"/>
            </a:xfrm>
            <a:custGeom>
              <a:avLst/>
              <a:gdLst>
                <a:gd name="connsiteX0" fmla="*/ 0 w 56444"/>
                <a:gd name="connsiteY0" fmla="*/ 0 h 46566"/>
                <a:gd name="connsiteX1" fmla="*/ 61336 w 56444"/>
                <a:gd name="connsiteY1" fmla="*/ 0 h 46566"/>
                <a:gd name="connsiteX2" fmla="*/ 61336 w 56444"/>
                <a:gd name="connsiteY2" fmla="*/ 48616 h 46566"/>
                <a:gd name="connsiteX3" fmla="*/ 0 w 56444"/>
                <a:gd name="connsiteY3" fmla="*/ 48616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46566">
                  <a:moveTo>
                    <a:pt x="0" y="0"/>
                  </a:moveTo>
                  <a:lnTo>
                    <a:pt x="61336" y="0"/>
                  </a:lnTo>
                  <a:lnTo>
                    <a:pt x="61336" y="48616"/>
                  </a:lnTo>
                  <a:lnTo>
                    <a:pt x="0" y="4861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85" name="Vrije vorm 198">
              <a:extLst>
                <a:ext uri="{FF2B5EF4-FFF2-40B4-BE49-F238E27FC236}">
                  <a16:creationId xmlns="" xmlns:a16="http://schemas.microsoft.com/office/drawing/2014/main" id="{FB570A27-1475-4BB8-85A2-CF951888E077}"/>
                </a:ext>
              </a:extLst>
            </p:cNvPr>
            <p:cNvSpPr/>
            <p:nvPr userDrawn="1"/>
          </p:nvSpPr>
          <p:spPr>
            <a:xfrm>
              <a:off x="2152048" y="6789960"/>
              <a:ext cx="48465" cy="20563"/>
            </a:xfrm>
            <a:custGeom>
              <a:avLst/>
              <a:gdLst>
                <a:gd name="connsiteX0" fmla="*/ 0 w 65851"/>
                <a:gd name="connsiteY0" fmla="*/ 0 h 27940"/>
                <a:gd name="connsiteX1" fmla="*/ 73660 w 65851"/>
                <a:gd name="connsiteY1" fmla="*/ 0 h 27940"/>
                <a:gd name="connsiteX2" fmla="*/ 73660 w 65851"/>
                <a:gd name="connsiteY2" fmla="*/ 36415 h 27940"/>
                <a:gd name="connsiteX3" fmla="*/ 0 w 65851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27940">
                  <a:moveTo>
                    <a:pt x="0" y="0"/>
                  </a:moveTo>
                  <a:lnTo>
                    <a:pt x="73660" y="0"/>
                  </a:lnTo>
                  <a:lnTo>
                    <a:pt x="73660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86" name="Vrije vorm 199">
              <a:extLst>
                <a:ext uri="{FF2B5EF4-FFF2-40B4-BE49-F238E27FC236}">
                  <a16:creationId xmlns="" xmlns:a16="http://schemas.microsoft.com/office/drawing/2014/main" id="{489FA25D-7896-4642-BC3E-A46A8AAAFCB7}"/>
                </a:ext>
              </a:extLst>
            </p:cNvPr>
            <p:cNvSpPr/>
            <p:nvPr userDrawn="1"/>
          </p:nvSpPr>
          <p:spPr>
            <a:xfrm>
              <a:off x="2152049" y="6754179"/>
              <a:ext cx="48465" cy="20563"/>
            </a:xfrm>
            <a:custGeom>
              <a:avLst/>
              <a:gdLst>
                <a:gd name="connsiteX0" fmla="*/ 0 w 65851"/>
                <a:gd name="connsiteY0" fmla="*/ 0 h 27940"/>
                <a:gd name="connsiteX1" fmla="*/ 73660 w 65851"/>
                <a:gd name="connsiteY1" fmla="*/ 0 h 27940"/>
                <a:gd name="connsiteX2" fmla="*/ 73660 w 65851"/>
                <a:gd name="connsiteY2" fmla="*/ 36415 h 27940"/>
                <a:gd name="connsiteX3" fmla="*/ 0 w 65851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27940">
                  <a:moveTo>
                    <a:pt x="0" y="0"/>
                  </a:moveTo>
                  <a:lnTo>
                    <a:pt x="73660" y="0"/>
                  </a:lnTo>
                  <a:lnTo>
                    <a:pt x="73660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87" name="Vrije vorm 200">
              <a:extLst>
                <a:ext uri="{FF2B5EF4-FFF2-40B4-BE49-F238E27FC236}">
                  <a16:creationId xmlns="" xmlns:a16="http://schemas.microsoft.com/office/drawing/2014/main" id="{3EA3EAAB-9580-48FA-A539-54F053991FE5}"/>
                </a:ext>
              </a:extLst>
            </p:cNvPr>
            <p:cNvSpPr/>
            <p:nvPr userDrawn="1"/>
          </p:nvSpPr>
          <p:spPr>
            <a:xfrm>
              <a:off x="2152048" y="6655821"/>
              <a:ext cx="48465" cy="89106"/>
            </a:xfrm>
            <a:custGeom>
              <a:avLst/>
              <a:gdLst>
                <a:gd name="connsiteX0" fmla="*/ 0 w 65851"/>
                <a:gd name="connsiteY0" fmla="*/ 0 h 121073"/>
                <a:gd name="connsiteX1" fmla="*/ 73660 w 65851"/>
                <a:gd name="connsiteY1" fmla="*/ 0 h 121073"/>
                <a:gd name="connsiteX2" fmla="*/ 73660 w 65851"/>
                <a:gd name="connsiteY2" fmla="*/ 121446 h 121073"/>
                <a:gd name="connsiteX3" fmla="*/ 0 w 65851"/>
                <a:gd name="connsiteY3" fmla="*/ 121446 h 1210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121072">
                  <a:moveTo>
                    <a:pt x="0" y="0"/>
                  </a:moveTo>
                  <a:lnTo>
                    <a:pt x="73660" y="0"/>
                  </a:lnTo>
                  <a:lnTo>
                    <a:pt x="73660" y="121446"/>
                  </a:lnTo>
                  <a:lnTo>
                    <a:pt x="0" y="12144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88" name="Vrije vorm 201">
              <a:extLst>
                <a:ext uri="{FF2B5EF4-FFF2-40B4-BE49-F238E27FC236}">
                  <a16:creationId xmlns="" xmlns:a16="http://schemas.microsoft.com/office/drawing/2014/main" id="{2F5EF513-B553-40CB-A329-1FEB84B38667}"/>
                </a:ext>
              </a:extLst>
            </p:cNvPr>
            <p:cNvSpPr/>
            <p:nvPr userDrawn="1"/>
          </p:nvSpPr>
          <p:spPr>
            <a:xfrm>
              <a:off x="2152048" y="6611131"/>
              <a:ext cx="48465" cy="34272"/>
            </a:xfrm>
            <a:custGeom>
              <a:avLst/>
              <a:gdLst>
                <a:gd name="connsiteX0" fmla="*/ 0 w 65851"/>
                <a:gd name="connsiteY0" fmla="*/ 0 h 46566"/>
                <a:gd name="connsiteX1" fmla="*/ 73660 w 65851"/>
                <a:gd name="connsiteY1" fmla="*/ 0 h 46566"/>
                <a:gd name="connsiteX2" fmla="*/ 73660 w 65851"/>
                <a:gd name="connsiteY2" fmla="*/ 48616 h 46566"/>
                <a:gd name="connsiteX3" fmla="*/ 0 w 65851"/>
                <a:gd name="connsiteY3" fmla="*/ 48616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46566">
                  <a:moveTo>
                    <a:pt x="0" y="0"/>
                  </a:moveTo>
                  <a:lnTo>
                    <a:pt x="73660" y="0"/>
                  </a:lnTo>
                  <a:lnTo>
                    <a:pt x="73660" y="48616"/>
                  </a:lnTo>
                  <a:lnTo>
                    <a:pt x="0" y="4861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89" name="Vrije vorm 202">
              <a:extLst>
                <a:ext uri="{FF2B5EF4-FFF2-40B4-BE49-F238E27FC236}">
                  <a16:creationId xmlns="" xmlns:a16="http://schemas.microsoft.com/office/drawing/2014/main" id="{245754F7-D1AE-466E-9A23-5F167BD1A4AD}"/>
                </a:ext>
              </a:extLst>
            </p:cNvPr>
            <p:cNvSpPr/>
            <p:nvPr userDrawn="1"/>
          </p:nvSpPr>
          <p:spPr>
            <a:xfrm>
              <a:off x="2221055" y="6618327"/>
              <a:ext cx="41541" cy="34272"/>
            </a:xfrm>
            <a:custGeom>
              <a:avLst/>
              <a:gdLst>
                <a:gd name="connsiteX0" fmla="*/ 0 w 56444"/>
                <a:gd name="connsiteY0" fmla="*/ 5187 h 46566"/>
                <a:gd name="connsiteX1" fmla="*/ 61112 w 56444"/>
                <a:gd name="connsiteY1" fmla="*/ 0 h 46566"/>
                <a:gd name="connsiteX2" fmla="*/ 65307 w 56444"/>
                <a:gd name="connsiteY2" fmla="*/ 48438 h 46566"/>
                <a:gd name="connsiteX3" fmla="*/ 4195 w 56444"/>
                <a:gd name="connsiteY3" fmla="*/ 53625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46566">
                  <a:moveTo>
                    <a:pt x="0" y="5187"/>
                  </a:moveTo>
                  <a:lnTo>
                    <a:pt x="61112" y="0"/>
                  </a:lnTo>
                  <a:lnTo>
                    <a:pt x="65307" y="48438"/>
                  </a:lnTo>
                  <a:lnTo>
                    <a:pt x="4195" y="5362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90" name="Vrije vorm 203">
              <a:extLst>
                <a:ext uri="{FF2B5EF4-FFF2-40B4-BE49-F238E27FC236}">
                  <a16:creationId xmlns="" xmlns:a16="http://schemas.microsoft.com/office/drawing/2014/main" id="{FD6B5ACD-34FA-4E0A-9F72-BA574C77915E}"/>
                </a:ext>
              </a:extLst>
            </p:cNvPr>
            <p:cNvSpPr/>
            <p:nvPr userDrawn="1"/>
          </p:nvSpPr>
          <p:spPr>
            <a:xfrm>
              <a:off x="2224997" y="6662805"/>
              <a:ext cx="48465" cy="82252"/>
            </a:xfrm>
            <a:custGeom>
              <a:avLst/>
              <a:gdLst>
                <a:gd name="connsiteX0" fmla="*/ 0 w 65851"/>
                <a:gd name="connsiteY0" fmla="*/ 5176 h 111760"/>
                <a:gd name="connsiteX1" fmla="*/ 61113 w 65851"/>
                <a:gd name="connsiteY1" fmla="*/ 0 h 111760"/>
                <a:gd name="connsiteX2" fmla="*/ 70528 w 65851"/>
                <a:gd name="connsiteY2" fmla="*/ 108941 h 111760"/>
                <a:gd name="connsiteX3" fmla="*/ 9414 w 65851"/>
                <a:gd name="connsiteY3" fmla="*/ 114117 h 1117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111760">
                  <a:moveTo>
                    <a:pt x="0" y="5176"/>
                  </a:moveTo>
                  <a:lnTo>
                    <a:pt x="61113" y="0"/>
                  </a:lnTo>
                  <a:lnTo>
                    <a:pt x="70528" y="108941"/>
                  </a:lnTo>
                  <a:lnTo>
                    <a:pt x="9414" y="114117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91" name="Vrije vorm 204">
              <a:extLst>
                <a:ext uri="{FF2B5EF4-FFF2-40B4-BE49-F238E27FC236}">
                  <a16:creationId xmlns="" xmlns:a16="http://schemas.microsoft.com/office/drawing/2014/main" id="{66B2E2C1-2487-44F1-BEBA-B8061C26B496}"/>
                </a:ext>
              </a:extLst>
            </p:cNvPr>
            <p:cNvSpPr/>
            <p:nvPr userDrawn="1"/>
          </p:nvSpPr>
          <p:spPr>
            <a:xfrm>
              <a:off x="2232680" y="6751887"/>
              <a:ext cx="41541" cy="20563"/>
            </a:xfrm>
            <a:custGeom>
              <a:avLst/>
              <a:gdLst>
                <a:gd name="connsiteX0" fmla="*/ 0 w 56444"/>
                <a:gd name="connsiteY0" fmla="*/ 5187 h 27940"/>
                <a:gd name="connsiteX1" fmla="*/ 61112 w 56444"/>
                <a:gd name="connsiteY1" fmla="*/ 0 h 27940"/>
                <a:gd name="connsiteX2" fmla="*/ 63209 w 56444"/>
                <a:gd name="connsiteY2" fmla="*/ 24219 h 27940"/>
                <a:gd name="connsiteX3" fmla="*/ 2097 w 56444"/>
                <a:gd name="connsiteY3" fmla="*/ 29406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27940">
                  <a:moveTo>
                    <a:pt x="0" y="5187"/>
                  </a:moveTo>
                  <a:lnTo>
                    <a:pt x="61112" y="0"/>
                  </a:lnTo>
                  <a:lnTo>
                    <a:pt x="63209" y="24219"/>
                  </a:lnTo>
                  <a:lnTo>
                    <a:pt x="2097" y="2940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92" name="Vrije vorm 205">
              <a:extLst>
                <a:ext uri="{FF2B5EF4-FFF2-40B4-BE49-F238E27FC236}">
                  <a16:creationId xmlns="" xmlns:a16="http://schemas.microsoft.com/office/drawing/2014/main" id="{8F83DDF8-0F0D-421C-8A4E-C346832E61EE}"/>
                </a:ext>
              </a:extLst>
            </p:cNvPr>
            <p:cNvSpPr/>
            <p:nvPr userDrawn="1"/>
          </p:nvSpPr>
          <p:spPr>
            <a:xfrm>
              <a:off x="2236266" y="6778423"/>
              <a:ext cx="41541" cy="27417"/>
            </a:xfrm>
            <a:custGeom>
              <a:avLst/>
              <a:gdLst>
                <a:gd name="connsiteX0" fmla="*/ 0 w 56444"/>
                <a:gd name="connsiteY0" fmla="*/ 5465 h 37253"/>
                <a:gd name="connsiteX1" fmla="*/ 61336 w 56444"/>
                <a:gd name="connsiteY1" fmla="*/ 0 h 37253"/>
                <a:gd name="connsiteX2" fmla="*/ 64647 w 56444"/>
                <a:gd name="connsiteY2" fmla="*/ 36415 h 37253"/>
                <a:gd name="connsiteX3" fmla="*/ 3310 w 56444"/>
                <a:gd name="connsiteY3" fmla="*/ 41880 h 37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37253">
                  <a:moveTo>
                    <a:pt x="0" y="5465"/>
                  </a:moveTo>
                  <a:lnTo>
                    <a:pt x="61336" y="0"/>
                  </a:lnTo>
                  <a:lnTo>
                    <a:pt x="64647" y="36415"/>
                  </a:lnTo>
                  <a:lnTo>
                    <a:pt x="3310" y="41880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93" name="Tekstvak 193">
              <a:extLst>
                <a:ext uri="{FF2B5EF4-FFF2-40B4-BE49-F238E27FC236}">
                  <a16:creationId xmlns="" xmlns:a16="http://schemas.microsoft.com/office/drawing/2014/main" id="{23A1C35D-2360-4B3E-8538-E769709C1CAC}"/>
                </a:ext>
              </a:extLst>
            </p:cNvPr>
            <p:cNvSpPr txBox="1"/>
            <p:nvPr userDrawn="1"/>
          </p:nvSpPr>
          <p:spPr>
            <a:xfrm>
              <a:off x="2365307" y="6537061"/>
              <a:ext cx="803851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Клинические исследования</a:t>
              </a:r>
            </a:p>
          </p:txBody>
        </p:sp>
      </p:grpSp>
      <p:grpSp>
        <p:nvGrpSpPr>
          <p:cNvPr id="194" name="Groep 178">
            <a:extLst>
              <a:ext uri="{FF2B5EF4-FFF2-40B4-BE49-F238E27FC236}">
                <a16:creationId xmlns="" xmlns:a16="http://schemas.microsoft.com/office/drawing/2014/main" id="{856EB1E5-10AB-4974-AD8D-C56F5F4820CD}"/>
              </a:ext>
            </a:extLst>
          </p:cNvPr>
          <p:cNvGrpSpPr/>
          <p:nvPr userDrawn="1"/>
        </p:nvGrpSpPr>
        <p:grpSpPr>
          <a:xfrm>
            <a:off x="6274707" y="6455151"/>
            <a:ext cx="1299431" cy="205629"/>
            <a:chOff x="1983484" y="6455150"/>
            <a:chExt cx="974573" cy="205629"/>
          </a:xfrm>
        </p:grpSpPr>
        <p:sp>
          <p:nvSpPr>
            <p:cNvPr id="195" name="Graphic 27">
              <a:extLst>
                <a:ext uri="{FF2B5EF4-FFF2-40B4-BE49-F238E27FC236}">
                  <a16:creationId xmlns="" xmlns:a16="http://schemas.microsoft.com/office/drawing/2014/main" id="{65F4A655-1497-4947-93F0-07C33D120E51}"/>
                </a:ext>
              </a:extLst>
            </p:cNvPr>
            <p:cNvSpPr/>
            <p:nvPr/>
          </p:nvSpPr>
          <p:spPr>
            <a:xfrm>
              <a:off x="1983484" y="6455150"/>
              <a:ext cx="205629" cy="205629"/>
            </a:xfrm>
            <a:custGeom>
              <a:avLst/>
              <a:gdLst>
                <a:gd name="connsiteX0" fmla="*/ 140538 w 279400"/>
                <a:gd name="connsiteY0" fmla="*/ 109245 h 279400"/>
                <a:gd name="connsiteX1" fmla="*/ 194276 w 279400"/>
                <a:gd name="connsiteY1" fmla="*/ 0 h 279400"/>
                <a:gd name="connsiteX2" fmla="*/ 235255 w 279400"/>
                <a:gd name="connsiteY2" fmla="*/ 22445 h 279400"/>
                <a:gd name="connsiteX3" fmla="*/ 164567 w 279400"/>
                <a:gd name="connsiteY3" fmla="*/ 124426 h 279400"/>
                <a:gd name="connsiteX4" fmla="*/ 279400 w 279400"/>
                <a:gd name="connsiteY4" fmla="*/ 114833 h 279400"/>
                <a:gd name="connsiteX5" fmla="*/ 279400 w 279400"/>
                <a:gd name="connsiteY5" fmla="*/ 161400 h 279400"/>
                <a:gd name="connsiteX6" fmla="*/ 165405 w 279400"/>
                <a:gd name="connsiteY6" fmla="*/ 152552 h 279400"/>
                <a:gd name="connsiteX7" fmla="*/ 234417 w 279400"/>
                <a:gd name="connsiteY7" fmla="*/ 256117 h 279400"/>
                <a:gd name="connsiteX8" fmla="*/ 192693 w 279400"/>
                <a:gd name="connsiteY8" fmla="*/ 277817 h 279400"/>
                <a:gd name="connsiteX9" fmla="*/ 140538 w 279400"/>
                <a:gd name="connsiteY9" fmla="*/ 166988 h 279400"/>
                <a:gd name="connsiteX10" fmla="*/ 85869 w 279400"/>
                <a:gd name="connsiteY10" fmla="*/ 279400 h 279400"/>
                <a:gd name="connsiteX11" fmla="*/ 45728 w 279400"/>
                <a:gd name="connsiteY11" fmla="*/ 256117 h 279400"/>
                <a:gd name="connsiteX12" fmla="*/ 115578 w 279400"/>
                <a:gd name="connsiteY12" fmla="*/ 153391 h 279400"/>
                <a:gd name="connsiteX13" fmla="*/ 0 w 279400"/>
                <a:gd name="connsiteY13" fmla="*/ 161400 h 279400"/>
                <a:gd name="connsiteX14" fmla="*/ 0 w 279400"/>
                <a:gd name="connsiteY14" fmla="*/ 114833 h 279400"/>
                <a:gd name="connsiteX15" fmla="*/ 116417 w 279400"/>
                <a:gd name="connsiteY15" fmla="*/ 124426 h 279400"/>
                <a:gd name="connsiteX16" fmla="*/ 43400 w 279400"/>
                <a:gd name="connsiteY16" fmla="*/ 23283 h 279400"/>
                <a:gd name="connsiteX17" fmla="*/ 85869 w 279400"/>
                <a:gd name="connsiteY17" fmla="*/ 0 h 279400"/>
                <a:gd name="connsiteX18" fmla="*/ 140538 w 279400"/>
                <a:gd name="connsiteY18" fmla="*/ 109245 h 279400"/>
                <a:gd name="connsiteX19" fmla="*/ 140538 w 279400"/>
                <a:gd name="connsiteY19" fmla="*/ 109245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79400" h="279400">
                  <a:moveTo>
                    <a:pt x="140538" y="109245"/>
                  </a:moveTo>
                  <a:lnTo>
                    <a:pt x="194276" y="0"/>
                  </a:lnTo>
                  <a:lnTo>
                    <a:pt x="235255" y="22445"/>
                  </a:lnTo>
                  <a:lnTo>
                    <a:pt x="164567" y="124426"/>
                  </a:lnTo>
                  <a:lnTo>
                    <a:pt x="279400" y="114833"/>
                  </a:lnTo>
                  <a:lnTo>
                    <a:pt x="279400" y="161400"/>
                  </a:lnTo>
                  <a:lnTo>
                    <a:pt x="165405" y="152552"/>
                  </a:lnTo>
                  <a:lnTo>
                    <a:pt x="234417" y="256117"/>
                  </a:lnTo>
                  <a:lnTo>
                    <a:pt x="192693" y="277817"/>
                  </a:lnTo>
                  <a:lnTo>
                    <a:pt x="140538" y="166988"/>
                  </a:lnTo>
                  <a:lnTo>
                    <a:pt x="85869" y="279400"/>
                  </a:lnTo>
                  <a:lnTo>
                    <a:pt x="45728" y="256117"/>
                  </a:lnTo>
                  <a:lnTo>
                    <a:pt x="115578" y="153391"/>
                  </a:lnTo>
                  <a:lnTo>
                    <a:pt x="0" y="161400"/>
                  </a:lnTo>
                  <a:lnTo>
                    <a:pt x="0" y="114833"/>
                  </a:lnTo>
                  <a:lnTo>
                    <a:pt x="116417" y="124426"/>
                  </a:lnTo>
                  <a:lnTo>
                    <a:pt x="43400" y="23283"/>
                  </a:lnTo>
                  <a:lnTo>
                    <a:pt x="85869" y="0"/>
                  </a:lnTo>
                  <a:lnTo>
                    <a:pt x="140538" y="109245"/>
                  </a:lnTo>
                  <a:lnTo>
                    <a:pt x="140538" y="109245"/>
                  </a:lnTo>
                  <a:close/>
                </a:path>
              </a:pathLst>
            </a:custGeom>
            <a:solidFill>
              <a:schemeClr val="tx1"/>
            </a:solidFill>
            <a:ln w="920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196" name="Tekstvak 191">
              <a:extLst>
                <a:ext uri="{FF2B5EF4-FFF2-40B4-BE49-F238E27FC236}">
                  <a16:creationId xmlns="" xmlns:a16="http://schemas.microsoft.com/office/drawing/2014/main" id="{EB5334E9-FD51-4DF9-8ABA-533EC2013CFF}"/>
                </a:ext>
              </a:extLst>
            </p:cNvPr>
            <p:cNvSpPr txBox="1"/>
            <p:nvPr/>
          </p:nvSpPr>
          <p:spPr>
            <a:xfrm>
              <a:off x="2280564" y="6467438"/>
              <a:ext cx="678170" cy="175435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Примечания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62276236"/>
      </p:ext>
    </p:extLst>
  </p:cSld>
  <p:clrMapOvr>
    <a:masterClrMapping/>
  </p:clrMapOvr>
  <p:transition/>
  <p:extLst>
    <p:ext uri="{DCECCB84-F9BA-43D5-87BE-67443E8EF086}">
      <p15:sldGuideLst xmlns="" xmlns:p15="http://schemas.microsoft.com/office/powerpoint/2012/main">
        <p15:guide id="1" orient="horz" pos="3943">
          <p15:clr>
            <a:srgbClr val="FBAE40"/>
          </p15:clr>
        </p15:guide>
        <p15:guide id="2" orient="horz" pos="4141">
          <p15:clr>
            <a:srgbClr val="FBAE40"/>
          </p15:clr>
        </p15:guide>
      </p15:sldGuideLst>
    </p:ext>
  </p:extLst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asic -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" name="Tijdelijke aanduiding voor tekst 99">
            <a:extLst>
              <a:ext uri="{FF2B5EF4-FFF2-40B4-BE49-F238E27FC236}">
                <a16:creationId xmlns="" xmlns:a16="http://schemas.microsoft.com/office/drawing/2014/main" id="{0471F6D1-D1AA-7A42-AB18-C4DB220AAD80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839265" y="402736"/>
            <a:ext cx="10800000" cy="677774"/>
          </a:xfrm>
          <a:prstGeom prst="rect">
            <a:avLst/>
          </a:prstGeom>
        </p:spPr>
        <p:txBody>
          <a:bodyPr lIns="0" tIns="0" rIns="0" bIns="0" anchor="b"/>
          <a:lstStyle>
            <a:lvl1pPr marL="0" indent="0">
              <a:lnSpc>
                <a:spcPts val="2200"/>
              </a:lnSpc>
              <a:spcBef>
                <a:spcPct val="0"/>
              </a:spcBef>
              <a:buFontTx/>
              <a:buNone/>
              <a:tabLst>
                <a:tab pos="8267700" algn="l"/>
              </a:tabLst>
              <a:defRPr sz="2000" b="0" i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lnSpc>
                <a:spcPts val="1800"/>
              </a:lnSpc>
              <a:buFontTx/>
              <a:buNone/>
              <a:defRPr b="0" i="0">
                <a:solidFill>
                  <a:schemeClr val="tx2"/>
                </a:solidFill>
                <a:latin typeface="BISansNEXT" panose="02000503040000020004" pitchFamily="2" charset="0"/>
              </a:defRPr>
            </a:lvl2pPr>
            <a:lvl3pPr marL="914400" indent="0">
              <a:lnSpc>
                <a:spcPts val="1800"/>
              </a:lnSpc>
              <a:buFontTx/>
              <a:buNone/>
              <a:defRPr b="0" i="0">
                <a:solidFill>
                  <a:schemeClr val="tx2"/>
                </a:solidFill>
                <a:latin typeface="BISansNEXT" panose="02000503040000020004" pitchFamily="2" charset="0"/>
              </a:defRPr>
            </a:lvl3pPr>
            <a:lvl4pPr marL="1371600" indent="0">
              <a:lnSpc>
                <a:spcPts val="1800"/>
              </a:lnSpc>
              <a:buFontTx/>
              <a:buNone/>
              <a:defRPr b="0" i="0">
                <a:solidFill>
                  <a:schemeClr val="tx2"/>
                </a:solidFill>
                <a:latin typeface="BISansNEXT" panose="02000503040000020004" pitchFamily="2" charset="0"/>
              </a:defRPr>
            </a:lvl4pPr>
            <a:lvl5pPr marL="1828800" indent="0">
              <a:lnSpc>
                <a:spcPts val="1800"/>
              </a:lnSpc>
              <a:buFontTx/>
              <a:buNone/>
              <a:defRPr b="0" i="0">
                <a:solidFill>
                  <a:schemeClr val="tx2"/>
                </a:solidFill>
                <a:latin typeface="BISansNEXT" panose="02000503040000020004" pitchFamily="2" charset="0"/>
              </a:defRPr>
            </a:lvl5pPr>
          </a:lstStyle>
          <a:p>
            <a:pPr lvl="0"/>
            <a:r>
              <a:rPr lang="nl-NL"/>
              <a:t>Click to add heading</a:t>
            </a:r>
            <a:br>
              <a:rPr lang="nl-NL"/>
            </a:br>
            <a:r>
              <a:rPr lang="nl-NL"/>
              <a:t>one or two lines</a:t>
            </a:r>
          </a:p>
        </p:txBody>
      </p:sp>
      <p:sp>
        <p:nvSpPr>
          <p:cNvPr id="104" name="Tijdelijke aanduiding voor tekst 103">
            <a:extLst>
              <a:ext uri="{FF2B5EF4-FFF2-40B4-BE49-F238E27FC236}">
                <a16:creationId xmlns="" xmlns:a16="http://schemas.microsoft.com/office/drawing/2014/main" id="{F7C6FD79-1472-CB41-B230-BF050B684871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840316" y="1259999"/>
            <a:ext cx="10800000" cy="360000"/>
          </a:xfrm>
          <a:prstGeom prst="rect">
            <a:avLst/>
          </a:prstGeom>
        </p:spPr>
        <p:txBody>
          <a:bodyPr lIns="0" tIns="0" rIns="0" bIns="0" anchor="t" anchorCtr="0">
            <a:normAutofit/>
          </a:bodyPr>
          <a:lstStyle>
            <a:lvl1pPr marL="0" indent="0">
              <a:lnSpc>
                <a:spcPts val="1800"/>
              </a:lnSpc>
              <a:spcBef>
                <a:spcPct val="0"/>
              </a:spcBef>
              <a:buFontTx/>
              <a:buNone/>
              <a:defRPr sz="170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lnSpc>
                <a:spcPts val="1800"/>
              </a:lnSpc>
              <a:buFontTx/>
              <a:buNone/>
              <a:defRPr sz="1800"/>
            </a:lvl2pPr>
            <a:lvl3pPr marL="914400" indent="0">
              <a:lnSpc>
                <a:spcPts val="1800"/>
              </a:lnSpc>
              <a:buFontTx/>
              <a:buNone/>
              <a:defRPr sz="1800"/>
            </a:lvl3pPr>
            <a:lvl4pPr marL="1371600" indent="0">
              <a:lnSpc>
                <a:spcPts val="1800"/>
              </a:lnSpc>
              <a:buFontTx/>
              <a:buNone/>
              <a:defRPr sz="1800"/>
            </a:lvl4pPr>
            <a:lvl5pPr marL="1828800" indent="0">
              <a:lnSpc>
                <a:spcPts val="1800"/>
              </a:lnSpc>
              <a:buFontTx/>
              <a:buNone/>
              <a:defRPr sz="1800"/>
            </a:lvl5pPr>
          </a:lstStyle>
          <a:p>
            <a:pPr lvl="0"/>
            <a:r>
              <a:rPr lang="nl-NL"/>
              <a:t>Click to add subtitle</a:t>
            </a:r>
          </a:p>
        </p:txBody>
      </p:sp>
      <p:sp>
        <p:nvSpPr>
          <p:cNvPr id="106" name="Tijdelijke aanduiding voor tekst 105">
            <a:extLst>
              <a:ext uri="{FF2B5EF4-FFF2-40B4-BE49-F238E27FC236}">
                <a16:creationId xmlns="" xmlns:a16="http://schemas.microsoft.com/office/drawing/2014/main" id="{0A76359A-53C1-BE44-B2EB-B1D50A08CCC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840316" y="1713600"/>
            <a:ext cx="10800000" cy="252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400"/>
              </a:lnSpc>
              <a:buFontTx/>
              <a:buNone/>
              <a:defRPr sz="140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lnSpc>
                <a:spcPts val="1400"/>
              </a:lnSpc>
              <a:buFontTx/>
              <a:buNone/>
              <a:defRPr sz="1400" b="0" i="0">
                <a:solidFill>
                  <a:schemeClr val="tx1"/>
                </a:solidFill>
                <a:latin typeface="BISansNEXT" panose="02000503040000020004" pitchFamily="2" charset="0"/>
              </a:defRPr>
            </a:lvl2pPr>
            <a:lvl3pPr marL="914400" indent="0">
              <a:lnSpc>
                <a:spcPts val="1400"/>
              </a:lnSpc>
              <a:buFontTx/>
              <a:buNone/>
              <a:defRPr sz="1400" b="0" i="0">
                <a:solidFill>
                  <a:schemeClr val="tx1"/>
                </a:solidFill>
                <a:latin typeface="BISansNEXT" panose="02000503040000020004" pitchFamily="2" charset="0"/>
              </a:defRPr>
            </a:lvl3pPr>
            <a:lvl4pPr marL="1371600" indent="0">
              <a:lnSpc>
                <a:spcPts val="1400"/>
              </a:lnSpc>
              <a:buFontTx/>
              <a:buNone/>
              <a:defRPr sz="1400" b="0" i="0">
                <a:solidFill>
                  <a:schemeClr val="tx1"/>
                </a:solidFill>
                <a:latin typeface="BISansNEXT" panose="02000503040000020004" pitchFamily="2" charset="0"/>
              </a:defRPr>
            </a:lvl4pPr>
            <a:lvl5pPr marL="1828800" indent="0">
              <a:lnSpc>
                <a:spcPts val="1400"/>
              </a:lnSpc>
              <a:buFontTx/>
              <a:buNone/>
              <a:defRPr sz="1400" b="0" i="0">
                <a:solidFill>
                  <a:schemeClr val="tx1"/>
                </a:solidFill>
                <a:latin typeface="BISansNEXT" panose="02000503040000020004" pitchFamily="2" charset="0"/>
              </a:defRPr>
            </a:lvl5pPr>
          </a:lstStyle>
          <a:p>
            <a:pPr lvl="0"/>
            <a:r>
              <a:rPr lang="nl-NL"/>
              <a:t>Click to add bodytext </a:t>
            </a:r>
          </a:p>
        </p:txBody>
      </p:sp>
      <p:sp>
        <p:nvSpPr>
          <p:cNvPr id="156" name="Tijdelijke aanduiding voor tekst 105">
            <a:extLst>
              <a:ext uri="{FF2B5EF4-FFF2-40B4-BE49-F238E27FC236}">
                <a16:creationId xmlns="" xmlns:a16="http://schemas.microsoft.com/office/drawing/2014/main" id="{5D81F9EE-07D4-C84A-AEE2-6D022B96764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30400" y="6040800"/>
            <a:ext cx="10800000" cy="252000"/>
          </a:xfrm>
          <a:prstGeom prst="rect">
            <a:avLst/>
          </a:prstGeom>
        </p:spPr>
        <p:txBody>
          <a:bodyPr lIns="0" tIns="0" rIns="0" bIns="0" anchor="b" anchorCtr="0"/>
          <a:lstStyle>
            <a:lvl1pPr marL="0" indent="0">
              <a:lnSpc>
                <a:spcPct val="100000"/>
              </a:lnSpc>
              <a:spcBef>
                <a:spcPct val="0"/>
              </a:spcBef>
              <a:buFontTx/>
              <a:buNone/>
              <a:defRPr sz="800" b="0" i="0">
                <a:solidFill>
                  <a:srgbClr val="5A5A5A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lnSpc>
                <a:spcPts val="1400"/>
              </a:lnSpc>
              <a:buFontTx/>
              <a:buNone/>
              <a:defRPr sz="1400" b="0" i="0">
                <a:solidFill>
                  <a:schemeClr val="tx1"/>
                </a:solidFill>
                <a:latin typeface="BISansNEXT" panose="02000503040000020004" pitchFamily="2" charset="0"/>
              </a:defRPr>
            </a:lvl2pPr>
            <a:lvl3pPr marL="914400" indent="0">
              <a:lnSpc>
                <a:spcPts val="1400"/>
              </a:lnSpc>
              <a:buFontTx/>
              <a:buNone/>
              <a:defRPr sz="1400" b="0" i="0">
                <a:solidFill>
                  <a:schemeClr val="tx1"/>
                </a:solidFill>
                <a:latin typeface="BISansNEXT" panose="02000503040000020004" pitchFamily="2" charset="0"/>
              </a:defRPr>
            </a:lvl3pPr>
            <a:lvl4pPr marL="1371600" indent="0">
              <a:lnSpc>
                <a:spcPts val="1400"/>
              </a:lnSpc>
              <a:buFontTx/>
              <a:buNone/>
              <a:defRPr sz="1400" b="0" i="0">
                <a:solidFill>
                  <a:schemeClr val="tx1"/>
                </a:solidFill>
                <a:latin typeface="BISansNEXT" panose="02000503040000020004" pitchFamily="2" charset="0"/>
              </a:defRPr>
            </a:lvl4pPr>
            <a:lvl5pPr marL="1828800" indent="0">
              <a:lnSpc>
                <a:spcPts val="1400"/>
              </a:lnSpc>
              <a:buFontTx/>
              <a:buNone/>
              <a:defRPr sz="1400" b="0" i="0">
                <a:solidFill>
                  <a:schemeClr val="tx1"/>
                </a:solidFill>
                <a:latin typeface="BISansNEXT" panose="02000503040000020004" pitchFamily="2" charset="0"/>
              </a:defRPr>
            </a:lvl5pPr>
          </a:lstStyle>
          <a:p>
            <a:pPr lvl="0"/>
            <a:r>
              <a:rPr lang="nl-NL"/>
              <a:t>Use this format for extra notes or abbreviations that must appear on the slide</a:t>
            </a:r>
          </a:p>
        </p:txBody>
      </p:sp>
      <p:cxnSp>
        <p:nvCxnSpPr>
          <p:cNvPr id="99" name="Rechte verbindingslijn 98">
            <a:extLst>
              <a:ext uri="{FF2B5EF4-FFF2-40B4-BE49-F238E27FC236}">
                <a16:creationId xmlns="" xmlns:a16="http://schemas.microsoft.com/office/drawing/2014/main" id="{2065156D-132E-C240-B719-B83C3EAE9FF6}"/>
              </a:ext>
            </a:extLst>
          </p:cNvPr>
          <p:cNvCxnSpPr/>
          <p:nvPr userDrawn="1"/>
        </p:nvCxnSpPr>
        <p:spPr>
          <a:xfrm>
            <a:off x="840000" y="1152000"/>
            <a:ext cx="10800000" cy="0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76" name="Groep 75">
            <a:extLst>
              <a:ext uri="{FF2B5EF4-FFF2-40B4-BE49-F238E27FC236}">
                <a16:creationId xmlns="" xmlns:a16="http://schemas.microsoft.com/office/drawing/2014/main" id="{B033BEF8-1482-B941-8536-C7A231E40224}"/>
              </a:ext>
            </a:extLst>
          </p:cNvPr>
          <p:cNvGrpSpPr/>
          <p:nvPr userDrawn="1"/>
        </p:nvGrpSpPr>
        <p:grpSpPr>
          <a:xfrm>
            <a:off x="2498182" y="107691"/>
            <a:ext cx="9203401" cy="205630"/>
            <a:chOff x="1873636" y="107691"/>
            <a:chExt cx="6902551" cy="205630"/>
          </a:xfrm>
        </p:grpSpPr>
        <p:grpSp>
          <p:nvGrpSpPr>
            <p:cNvPr id="83" name="Groep 160">
              <a:extLst>
                <a:ext uri="{FF2B5EF4-FFF2-40B4-BE49-F238E27FC236}">
                  <a16:creationId xmlns="" xmlns:a16="http://schemas.microsoft.com/office/drawing/2014/main" id="{B885D2D2-6B32-3A46-9003-F7D56BA84056}"/>
                </a:ext>
              </a:extLst>
            </p:cNvPr>
            <p:cNvGrpSpPr/>
            <p:nvPr/>
          </p:nvGrpSpPr>
          <p:grpSpPr>
            <a:xfrm>
              <a:off x="1873636" y="107692"/>
              <a:ext cx="736279" cy="205629"/>
              <a:chOff x="2096893" y="107692"/>
              <a:chExt cx="736279" cy="205629"/>
            </a:xfrm>
          </p:grpSpPr>
          <p:sp>
            <p:nvSpPr>
              <p:cNvPr id="176" name="Graphic 30">
                <a:extLst>
                  <a:ext uri="{FF2B5EF4-FFF2-40B4-BE49-F238E27FC236}">
                    <a16:creationId xmlns="" xmlns:a16="http://schemas.microsoft.com/office/drawing/2014/main" id="{CC8F64F5-174F-8049-B4A8-B652A9D0FA90}"/>
                  </a:ext>
                </a:extLst>
              </p:cNvPr>
              <p:cNvSpPr/>
              <p:nvPr/>
            </p:nvSpPr>
            <p:spPr>
              <a:xfrm>
                <a:off x="2096893" y="107692"/>
                <a:ext cx="177589" cy="205629"/>
              </a:xfrm>
              <a:custGeom>
                <a:avLst/>
                <a:gdLst>
                  <a:gd name="connsiteX0" fmla="*/ 244270 w 241300"/>
                  <a:gd name="connsiteY0" fmla="*/ 279400 h 279400"/>
                  <a:gd name="connsiteX1" fmla="*/ 174478 w 241300"/>
                  <a:gd name="connsiteY1" fmla="*/ 279400 h 279400"/>
                  <a:gd name="connsiteX2" fmla="*/ 174478 w 241300"/>
                  <a:gd name="connsiteY2" fmla="*/ 168478 h 279400"/>
                  <a:gd name="connsiteX3" fmla="*/ 69791 w 241300"/>
                  <a:gd name="connsiteY3" fmla="*/ 168478 h 279400"/>
                  <a:gd name="connsiteX4" fmla="*/ 69791 w 241300"/>
                  <a:gd name="connsiteY4" fmla="*/ 279400 h 279400"/>
                  <a:gd name="connsiteX5" fmla="*/ 0 w 241300"/>
                  <a:gd name="connsiteY5" fmla="*/ 279400 h 279400"/>
                  <a:gd name="connsiteX6" fmla="*/ 0 w 241300"/>
                  <a:gd name="connsiteY6" fmla="*/ 91457 h 279400"/>
                  <a:gd name="connsiteX7" fmla="*/ 122135 w 241300"/>
                  <a:gd name="connsiteY7" fmla="*/ 0 h 279400"/>
                  <a:gd name="connsiteX8" fmla="*/ 244270 w 241300"/>
                  <a:gd name="connsiteY8" fmla="*/ 91457 h 279400"/>
                  <a:gd name="connsiteX9" fmla="*/ 244270 w 241300"/>
                  <a:gd name="connsiteY9" fmla="*/ 279400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41300" h="279400">
                    <a:moveTo>
                      <a:pt x="244270" y="279400"/>
                    </a:moveTo>
                    <a:lnTo>
                      <a:pt x="174478" y="279400"/>
                    </a:lnTo>
                    <a:lnTo>
                      <a:pt x="174478" y="168478"/>
                    </a:lnTo>
                    <a:lnTo>
                      <a:pt x="69791" y="168478"/>
                    </a:lnTo>
                    <a:lnTo>
                      <a:pt x="69791" y="279400"/>
                    </a:lnTo>
                    <a:lnTo>
                      <a:pt x="0" y="279400"/>
                    </a:lnTo>
                    <a:lnTo>
                      <a:pt x="0" y="91457"/>
                    </a:lnTo>
                    <a:lnTo>
                      <a:pt x="122135" y="0"/>
                    </a:lnTo>
                    <a:lnTo>
                      <a:pt x="244270" y="91457"/>
                    </a:lnTo>
                    <a:lnTo>
                      <a:pt x="244270" y="279400"/>
                    </a:lnTo>
                    <a:close/>
                  </a:path>
                </a:pathLst>
              </a:custGeom>
              <a:solidFill>
                <a:schemeClr val="bg2"/>
              </a:solidFill>
              <a:ln w="915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/>
              </a:p>
            </p:txBody>
          </p:sp>
          <p:sp>
            <p:nvSpPr>
              <p:cNvPr id="177" name="Tekstvak 176">
                <a:extLst>
                  <a:ext uri="{FF2B5EF4-FFF2-40B4-BE49-F238E27FC236}">
                    <a16:creationId xmlns="" xmlns:a16="http://schemas.microsoft.com/office/drawing/2014/main" id="{55AA2304-9EC7-F44C-B447-B89B502C0E9E}"/>
                  </a:ext>
                </a:extLst>
              </p:cNvPr>
              <p:cNvSpPr txBox="1"/>
              <p:nvPr/>
            </p:nvSpPr>
            <p:spPr>
              <a:xfrm>
                <a:off x="2407103" y="-56773"/>
                <a:ext cx="426495" cy="526306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Главная страница</a:t>
                </a:r>
              </a:p>
            </p:txBody>
          </p:sp>
        </p:grpSp>
        <p:grpSp>
          <p:nvGrpSpPr>
            <p:cNvPr id="84" name="Groep 161">
              <a:extLst>
                <a:ext uri="{FF2B5EF4-FFF2-40B4-BE49-F238E27FC236}">
                  <a16:creationId xmlns="" xmlns:a16="http://schemas.microsoft.com/office/drawing/2014/main" id="{C0413EE9-8665-AC47-884C-2FBE2103CC2E}"/>
                </a:ext>
              </a:extLst>
            </p:cNvPr>
            <p:cNvGrpSpPr/>
            <p:nvPr/>
          </p:nvGrpSpPr>
          <p:grpSpPr>
            <a:xfrm>
              <a:off x="2828680" y="107691"/>
              <a:ext cx="1028176" cy="205629"/>
              <a:chOff x="3051937" y="107691"/>
              <a:chExt cx="1028176" cy="205629"/>
            </a:xfrm>
          </p:grpSpPr>
          <p:sp>
            <p:nvSpPr>
              <p:cNvPr id="172" name="Graphic 24">
                <a:extLst>
                  <a:ext uri="{FF2B5EF4-FFF2-40B4-BE49-F238E27FC236}">
                    <a16:creationId xmlns="" xmlns:a16="http://schemas.microsoft.com/office/drawing/2014/main" id="{8CD2F7BB-60F0-974C-B43C-067171045FA4}"/>
                  </a:ext>
                </a:extLst>
              </p:cNvPr>
              <p:cNvSpPr/>
              <p:nvPr/>
            </p:nvSpPr>
            <p:spPr>
              <a:xfrm>
                <a:off x="3051937" y="107691"/>
                <a:ext cx="243017" cy="205629"/>
              </a:xfrm>
              <a:custGeom>
                <a:avLst/>
                <a:gdLst>
                  <a:gd name="connsiteX0" fmla="*/ 290953 w 330200"/>
                  <a:gd name="connsiteY0" fmla="*/ 108407 h 279400"/>
                  <a:gd name="connsiteX1" fmla="*/ 290953 w 330200"/>
                  <a:gd name="connsiteY1" fmla="*/ 62679 h 279400"/>
                  <a:gd name="connsiteX2" fmla="*/ 332181 w 330200"/>
                  <a:gd name="connsiteY2" fmla="*/ 62679 h 279400"/>
                  <a:gd name="connsiteX3" fmla="*/ 332181 w 330200"/>
                  <a:gd name="connsiteY3" fmla="*/ 0 h 279400"/>
                  <a:gd name="connsiteX4" fmla="*/ 236989 w 330200"/>
                  <a:gd name="connsiteY4" fmla="*/ 0 h 279400"/>
                  <a:gd name="connsiteX5" fmla="*/ 236989 w 330200"/>
                  <a:gd name="connsiteY5" fmla="*/ 25053 h 279400"/>
                  <a:gd name="connsiteX6" fmla="*/ 213687 w 330200"/>
                  <a:gd name="connsiteY6" fmla="*/ 25053 h 279400"/>
                  <a:gd name="connsiteX7" fmla="*/ 213687 w 330200"/>
                  <a:gd name="connsiteY7" fmla="*/ 0 h 279400"/>
                  <a:gd name="connsiteX8" fmla="*/ 118495 w 330200"/>
                  <a:gd name="connsiteY8" fmla="*/ 0 h 279400"/>
                  <a:gd name="connsiteX9" fmla="*/ 118495 w 330200"/>
                  <a:gd name="connsiteY9" fmla="*/ 25053 h 279400"/>
                  <a:gd name="connsiteX10" fmla="*/ 95192 w 330200"/>
                  <a:gd name="connsiteY10" fmla="*/ 25053 h 279400"/>
                  <a:gd name="connsiteX11" fmla="*/ 95192 w 330200"/>
                  <a:gd name="connsiteY11" fmla="*/ 0 h 279400"/>
                  <a:gd name="connsiteX12" fmla="*/ 0 w 330200"/>
                  <a:gd name="connsiteY12" fmla="*/ 0 h 279400"/>
                  <a:gd name="connsiteX13" fmla="*/ 0 w 330200"/>
                  <a:gd name="connsiteY13" fmla="*/ 62679 h 279400"/>
                  <a:gd name="connsiteX14" fmla="*/ 95192 w 330200"/>
                  <a:gd name="connsiteY14" fmla="*/ 62679 h 279400"/>
                  <a:gd name="connsiteX15" fmla="*/ 95192 w 330200"/>
                  <a:gd name="connsiteY15" fmla="*/ 37626 h 279400"/>
                  <a:gd name="connsiteX16" fmla="*/ 118495 w 330200"/>
                  <a:gd name="connsiteY16" fmla="*/ 37626 h 279400"/>
                  <a:gd name="connsiteX17" fmla="*/ 118495 w 330200"/>
                  <a:gd name="connsiteY17" fmla="*/ 62679 h 279400"/>
                  <a:gd name="connsiteX18" fmla="*/ 159722 w 330200"/>
                  <a:gd name="connsiteY18" fmla="*/ 62679 h 279400"/>
                  <a:gd name="connsiteX19" fmla="*/ 159722 w 330200"/>
                  <a:gd name="connsiteY19" fmla="*/ 108407 h 279400"/>
                  <a:gd name="connsiteX20" fmla="*/ 118495 w 330200"/>
                  <a:gd name="connsiteY20" fmla="*/ 108407 h 279400"/>
                  <a:gd name="connsiteX21" fmla="*/ 118495 w 330200"/>
                  <a:gd name="connsiteY21" fmla="*/ 170993 h 279400"/>
                  <a:gd name="connsiteX22" fmla="*/ 159722 w 330200"/>
                  <a:gd name="connsiteY22" fmla="*/ 170993 h 279400"/>
                  <a:gd name="connsiteX23" fmla="*/ 159722 w 330200"/>
                  <a:gd name="connsiteY23" fmla="*/ 216721 h 279400"/>
                  <a:gd name="connsiteX24" fmla="*/ 118495 w 330200"/>
                  <a:gd name="connsiteY24" fmla="*/ 216721 h 279400"/>
                  <a:gd name="connsiteX25" fmla="*/ 118495 w 330200"/>
                  <a:gd name="connsiteY25" fmla="*/ 279400 h 279400"/>
                  <a:gd name="connsiteX26" fmla="*/ 213687 w 330200"/>
                  <a:gd name="connsiteY26" fmla="*/ 279400 h 279400"/>
                  <a:gd name="connsiteX27" fmla="*/ 213687 w 330200"/>
                  <a:gd name="connsiteY27" fmla="*/ 216721 h 279400"/>
                  <a:gd name="connsiteX28" fmla="*/ 172459 w 330200"/>
                  <a:gd name="connsiteY28" fmla="*/ 216721 h 279400"/>
                  <a:gd name="connsiteX29" fmla="*/ 172459 w 330200"/>
                  <a:gd name="connsiteY29" fmla="*/ 170993 h 279400"/>
                  <a:gd name="connsiteX30" fmla="*/ 213687 w 330200"/>
                  <a:gd name="connsiteY30" fmla="*/ 170993 h 279400"/>
                  <a:gd name="connsiteX31" fmla="*/ 213687 w 330200"/>
                  <a:gd name="connsiteY31" fmla="*/ 108407 h 279400"/>
                  <a:gd name="connsiteX32" fmla="*/ 172459 w 330200"/>
                  <a:gd name="connsiteY32" fmla="*/ 108407 h 279400"/>
                  <a:gd name="connsiteX33" fmla="*/ 172459 w 330200"/>
                  <a:gd name="connsiteY33" fmla="*/ 62679 h 279400"/>
                  <a:gd name="connsiteX34" fmla="*/ 213687 w 330200"/>
                  <a:gd name="connsiteY34" fmla="*/ 62679 h 279400"/>
                  <a:gd name="connsiteX35" fmla="*/ 213687 w 330200"/>
                  <a:gd name="connsiteY35" fmla="*/ 37626 h 279400"/>
                  <a:gd name="connsiteX36" fmla="*/ 236989 w 330200"/>
                  <a:gd name="connsiteY36" fmla="*/ 37626 h 279400"/>
                  <a:gd name="connsiteX37" fmla="*/ 236989 w 330200"/>
                  <a:gd name="connsiteY37" fmla="*/ 62679 h 279400"/>
                  <a:gd name="connsiteX38" fmla="*/ 278217 w 330200"/>
                  <a:gd name="connsiteY38" fmla="*/ 62679 h 279400"/>
                  <a:gd name="connsiteX39" fmla="*/ 278217 w 330200"/>
                  <a:gd name="connsiteY39" fmla="*/ 108407 h 279400"/>
                  <a:gd name="connsiteX40" fmla="*/ 236989 w 330200"/>
                  <a:gd name="connsiteY40" fmla="*/ 108407 h 279400"/>
                  <a:gd name="connsiteX41" fmla="*/ 236989 w 330200"/>
                  <a:gd name="connsiteY41" fmla="*/ 170993 h 279400"/>
                  <a:gd name="connsiteX42" fmla="*/ 332181 w 330200"/>
                  <a:gd name="connsiteY42" fmla="*/ 170993 h 279400"/>
                  <a:gd name="connsiteX43" fmla="*/ 332181 w 330200"/>
                  <a:gd name="connsiteY43" fmla="*/ 108407 h 279400"/>
                  <a:gd name="connsiteX44" fmla="*/ 290953 w 330200"/>
                  <a:gd name="connsiteY44" fmla="*/ 108407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</a:cxnLst>
                <a:rect l="l" t="t" r="r" b="b"/>
                <a:pathLst>
                  <a:path w="330200" h="279400">
                    <a:moveTo>
                      <a:pt x="290953" y="108407"/>
                    </a:moveTo>
                    <a:lnTo>
                      <a:pt x="290953" y="62679"/>
                    </a:lnTo>
                    <a:lnTo>
                      <a:pt x="332181" y="62679"/>
                    </a:lnTo>
                    <a:lnTo>
                      <a:pt x="332181" y="0"/>
                    </a:lnTo>
                    <a:lnTo>
                      <a:pt x="236989" y="0"/>
                    </a:lnTo>
                    <a:lnTo>
                      <a:pt x="236989" y="25053"/>
                    </a:lnTo>
                    <a:lnTo>
                      <a:pt x="213687" y="25053"/>
                    </a:lnTo>
                    <a:lnTo>
                      <a:pt x="213687" y="0"/>
                    </a:lnTo>
                    <a:lnTo>
                      <a:pt x="118495" y="0"/>
                    </a:lnTo>
                    <a:lnTo>
                      <a:pt x="118495" y="25053"/>
                    </a:lnTo>
                    <a:lnTo>
                      <a:pt x="95192" y="25053"/>
                    </a:lnTo>
                    <a:lnTo>
                      <a:pt x="95192" y="0"/>
                    </a:lnTo>
                    <a:lnTo>
                      <a:pt x="0" y="0"/>
                    </a:lnTo>
                    <a:lnTo>
                      <a:pt x="0" y="62679"/>
                    </a:lnTo>
                    <a:lnTo>
                      <a:pt x="95192" y="62679"/>
                    </a:lnTo>
                    <a:lnTo>
                      <a:pt x="95192" y="37626"/>
                    </a:lnTo>
                    <a:lnTo>
                      <a:pt x="118495" y="37626"/>
                    </a:lnTo>
                    <a:lnTo>
                      <a:pt x="118495" y="62679"/>
                    </a:lnTo>
                    <a:lnTo>
                      <a:pt x="159722" y="62679"/>
                    </a:lnTo>
                    <a:lnTo>
                      <a:pt x="159722" y="108407"/>
                    </a:lnTo>
                    <a:lnTo>
                      <a:pt x="118495" y="108407"/>
                    </a:lnTo>
                    <a:lnTo>
                      <a:pt x="118495" y="170993"/>
                    </a:lnTo>
                    <a:lnTo>
                      <a:pt x="159722" y="170993"/>
                    </a:lnTo>
                    <a:lnTo>
                      <a:pt x="159722" y="216721"/>
                    </a:lnTo>
                    <a:lnTo>
                      <a:pt x="118495" y="216721"/>
                    </a:lnTo>
                    <a:lnTo>
                      <a:pt x="118495" y="279400"/>
                    </a:lnTo>
                    <a:lnTo>
                      <a:pt x="213687" y="279400"/>
                    </a:lnTo>
                    <a:lnTo>
                      <a:pt x="213687" y="216721"/>
                    </a:lnTo>
                    <a:lnTo>
                      <a:pt x="172459" y="216721"/>
                    </a:lnTo>
                    <a:lnTo>
                      <a:pt x="172459" y="170993"/>
                    </a:lnTo>
                    <a:lnTo>
                      <a:pt x="213687" y="170993"/>
                    </a:lnTo>
                    <a:lnTo>
                      <a:pt x="213687" y="108407"/>
                    </a:lnTo>
                    <a:lnTo>
                      <a:pt x="172459" y="108407"/>
                    </a:lnTo>
                    <a:lnTo>
                      <a:pt x="172459" y="62679"/>
                    </a:lnTo>
                    <a:lnTo>
                      <a:pt x="213687" y="62679"/>
                    </a:lnTo>
                    <a:lnTo>
                      <a:pt x="213687" y="37626"/>
                    </a:lnTo>
                    <a:lnTo>
                      <a:pt x="236989" y="37626"/>
                    </a:lnTo>
                    <a:lnTo>
                      <a:pt x="236989" y="62679"/>
                    </a:lnTo>
                    <a:lnTo>
                      <a:pt x="278217" y="62679"/>
                    </a:lnTo>
                    <a:lnTo>
                      <a:pt x="278217" y="108407"/>
                    </a:lnTo>
                    <a:lnTo>
                      <a:pt x="236989" y="108407"/>
                    </a:lnTo>
                    <a:lnTo>
                      <a:pt x="236989" y="170993"/>
                    </a:lnTo>
                    <a:lnTo>
                      <a:pt x="332181" y="170993"/>
                    </a:lnTo>
                    <a:lnTo>
                      <a:pt x="332181" y="108407"/>
                    </a:lnTo>
                    <a:lnTo>
                      <a:pt x="290953" y="108407"/>
                    </a:lnTo>
                    <a:close/>
                  </a:path>
                </a:pathLst>
              </a:custGeom>
              <a:solidFill>
                <a:schemeClr val="bg2"/>
              </a:solidFill>
              <a:ln w="9253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/>
              </a:p>
            </p:txBody>
          </p:sp>
          <p:sp>
            <p:nvSpPr>
              <p:cNvPr id="175" name="Tekstvak 174">
                <a:extLst>
                  <a:ext uri="{FF2B5EF4-FFF2-40B4-BE49-F238E27FC236}">
                    <a16:creationId xmlns="" xmlns:a16="http://schemas.microsoft.com/office/drawing/2014/main" id="{FBD676D5-7DC4-744C-A2DC-CE25BFA779B5}"/>
                  </a:ext>
                </a:extLst>
              </p:cNvPr>
              <p:cNvSpPr txBox="1"/>
              <p:nvPr/>
            </p:nvSpPr>
            <p:spPr>
              <a:xfrm>
                <a:off x="3416681" y="118662"/>
                <a:ext cx="664094" cy="17543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Карта сайта</a:t>
                </a:r>
              </a:p>
            </p:txBody>
          </p:sp>
        </p:grpSp>
        <p:grpSp>
          <p:nvGrpSpPr>
            <p:cNvPr id="85" name="Groep 162">
              <a:extLst>
                <a:ext uri="{FF2B5EF4-FFF2-40B4-BE49-F238E27FC236}">
                  <a16:creationId xmlns="" xmlns:a16="http://schemas.microsoft.com/office/drawing/2014/main" id="{6D327D58-BF00-514C-AF5C-007D0C124089}"/>
                </a:ext>
              </a:extLst>
            </p:cNvPr>
            <p:cNvGrpSpPr/>
            <p:nvPr/>
          </p:nvGrpSpPr>
          <p:grpSpPr>
            <a:xfrm>
              <a:off x="3983440" y="107691"/>
              <a:ext cx="1098711" cy="205629"/>
              <a:chOff x="4325235" y="107691"/>
              <a:chExt cx="1098711" cy="205629"/>
            </a:xfrm>
          </p:grpSpPr>
          <p:sp>
            <p:nvSpPr>
              <p:cNvPr id="170" name="Graphic 13">
                <a:extLst>
                  <a:ext uri="{FF2B5EF4-FFF2-40B4-BE49-F238E27FC236}">
                    <a16:creationId xmlns="" xmlns:a16="http://schemas.microsoft.com/office/drawing/2014/main" id="{4FDCBE16-E3B0-F74C-8AF8-568D451E907A}"/>
                  </a:ext>
                </a:extLst>
              </p:cNvPr>
              <p:cNvSpPr/>
              <p:nvPr/>
            </p:nvSpPr>
            <p:spPr>
              <a:xfrm>
                <a:off x="4325235" y="107691"/>
                <a:ext cx="217526" cy="205629"/>
              </a:xfrm>
              <a:custGeom>
                <a:avLst/>
                <a:gdLst>
                  <a:gd name="connsiteX0" fmla="*/ 203200 w 295563"/>
                  <a:gd name="connsiteY0" fmla="*/ 254068 h 279400"/>
                  <a:gd name="connsiteX1" fmla="*/ 149537 w 295563"/>
                  <a:gd name="connsiteY1" fmla="*/ 219981 h 279400"/>
                  <a:gd name="connsiteX2" fmla="*/ 96797 w 295563"/>
                  <a:gd name="connsiteY2" fmla="*/ 255372 h 279400"/>
                  <a:gd name="connsiteX3" fmla="*/ 112314 w 295563"/>
                  <a:gd name="connsiteY3" fmla="*/ 193345 h 279400"/>
                  <a:gd name="connsiteX4" fmla="*/ 62253 w 295563"/>
                  <a:gd name="connsiteY4" fmla="*/ 153670 h 279400"/>
                  <a:gd name="connsiteX5" fmla="*/ 125522 w 295563"/>
                  <a:gd name="connsiteY5" fmla="*/ 149479 h 279400"/>
                  <a:gd name="connsiteX6" fmla="*/ 147782 w 295563"/>
                  <a:gd name="connsiteY6" fmla="*/ 89501 h 279400"/>
                  <a:gd name="connsiteX7" fmla="*/ 171150 w 295563"/>
                  <a:gd name="connsiteY7" fmla="*/ 149013 h 279400"/>
                  <a:gd name="connsiteX8" fmla="*/ 234511 w 295563"/>
                  <a:gd name="connsiteY8" fmla="*/ 151714 h 279400"/>
                  <a:gd name="connsiteX9" fmla="*/ 185836 w 295563"/>
                  <a:gd name="connsiteY9" fmla="*/ 192600 h 279400"/>
                  <a:gd name="connsiteX10" fmla="*/ 108435 w 295563"/>
                  <a:gd name="connsiteY10" fmla="*/ 24308 h 279400"/>
                  <a:gd name="connsiteX11" fmla="*/ 192763 w 295563"/>
                  <a:gd name="connsiteY11" fmla="*/ 24308 h 279400"/>
                  <a:gd name="connsiteX12" fmla="*/ 192763 w 295563"/>
                  <a:gd name="connsiteY12" fmla="*/ 60723 h 279400"/>
                  <a:gd name="connsiteX13" fmla="*/ 108435 w 295563"/>
                  <a:gd name="connsiteY13" fmla="*/ 60723 h 279400"/>
                  <a:gd name="connsiteX14" fmla="*/ 228508 w 295563"/>
                  <a:gd name="connsiteY14" fmla="*/ 60723 h 279400"/>
                  <a:gd name="connsiteX15" fmla="*/ 228508 w 295563"/>
                  <a:gd name="connsiteY15" fmla="*/ 0 h 279400"/>
                  <a:gd name="connsiteX16" fmla="*/ 71489 w 295563"/>
                  <a:gd name="connsiteY16" fmla="*/ 0 h 279400"/>
                  <a:gd name="connsiteX17" fmla="*/ 71489 w 295563"/>
                  <a:gd name="connsiteY17" fmla="*/ 60723 h 279400"/>
                  <a:gd name="connsiteX18" fmla="*/ 0 w 295563"/>
                  <a:gd name="connsiteY18" fmla="*/ 60723 h 279400"/>
                  <a:gd name="connsiteX19" fmla="*/ 0 w 295563"/>
                  <a:gd name="connsiteY19" fmla="*/ 279400 h 279400"/>
                  <a:gd name="connsiteX20" fmla="*/ 301198 w 295563"/>
                  <a:gd name="connsiteY20" fmla="*/ 279400 h 279400"/>
                  <a:gd name="connsiteX21" fmla="*/ 301198 w 295563"/>
                  <a:gd name="connsiteY21" fmla="*/ 60723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295563" h="279400">
                    <a:moveTo>
                      <a:pt x="203200" y="254068"/>
                    </a:moveTo>
                    <a:lnTo>
                      <a:pt x="149537" y="219981"/>
                    </a:lnTo>
                    <a:lnTo>
                      <a:pt x="96797" y="255372"/>
                    </a:lnTo>
                    <a:lnTo>
                      <a:pt x="112314" y="193345"/>
                    </a:lnTo>
                    <a:lnTo>
                      <a:pt x="62253" y="153670"/>
                    </a:lnTo>
                    <a:lnTo>
                      <a:pt x="125522" y="149479"/>
                    </a:lnTo>
                    <a:lnTo>
                      <a:pt x="147782" y="89501"/>
                    </a:lnTo>
                    <a:lnTo>
                      <a:pt x="171150" y="149013"/>
                    </a:lnTo>
                    <a:lnTo>
                      <a:pt x="234511" y="151714"/>
                    </a:lnTo>
                    <a:lnTo>
                      <a:pt x="185836" y="192600"/>
                    </a:lnTo>
                    <a:close/>
                    <a:moveTo>
                      <a:pt x="108435" y="24308"/>
                    </a:moveTo>
                    <a:lnTo>
                      <a:pt x="192763" y="24308"/>
                    </a:lnTo>
                    <a:lnTo>
                      <a:pt x="192763" y="60723"/>
                    </a:lnTo>
                    <a:lnTo>
                      <a:pt x="108435" y="60723"/>
                    </a:lnTo>
                    <a:close/>
                    <a:moveTo>
                      <a:pt x="228508" y="60723"/>
                    </a:moveTo>
                    <a:lnTo>
                      <a:pt x="228508" y="0"/>
                    </a:lnTo>
                    <a:lnTo>
                      <a:pt x="71489" y="0"/>
                    </a:lnTo>
                    <a:lnTo>
                      <a:pt x="71489" y="60723"/>
                    </a:lnTo>
                    <a:lnTo>
                      <a:pt x="0" y="60723"/>
                    </a:lnTo>
                    <a:lnTo>
                      <a:pt x="0" y="279400"/>
                    </a:lnTo>
                    <a:lnTo>
                      <a:pt x="301198" y="279400"/>
                    </a:lnTo>
                    <a:lnTo>
                      <a:pt x="301198" y="60723"/>
                    </a:lnTo>
                    <a:close/>
                  </a:path>
                </a:pathLst>
              </a:custGeom>
              <a:solidFill>
                <a:schemeClr val="bg2"/>
              </a:solidFill>
              <a:ln w="9236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/>
              </a:p>
            </p:txBody>
          </p:sp>
          <p:sp>
            <p:nvSpPr>
              <p:cNvPr id="171" name="Tekstvak 170">
                <a:extLst>
                  <a:ext uri="{FF2B5EF4-FFF2-40B4-BE49-F238E27FC236}">
                    <a16:creationId xmlns="" xmlns:a16="http://schemas.microsoft.com/office/drawing/2014/main" id="{10890D5F-4CF9-0542-9950-144ACF52D5D0}"/>
                  </a:ext>
                </a:extLst>
              </p:cNvPr>
              <p:cNvSpPr txBox="1"/>
              <p:nvPr/>
            </p:nvSpPr>
            <p:spPr>
              <a:xfrm>
                <a:off x="4667608" y="118662"/>
                <a:ext cx="757094" cy="17543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Ресурсы</a:t>
                </a:r>
              </a:p>
            </p:txBody>
          </p:sp>
        </p:grpSp>
        <p:grpSp>
          <p:nvGrpSpPr>
            <p:cNvPr id="86" name="Groep 163">
              <a:extLst>
                <a:ext uri="{FF2B5EF4-FFF2-40B4-BE49-F238E27FC236}">
                  <a16:creationId xmlns="" xmlns:a16="http://schemas.microsoft.com/office/drawing/2014/main" id="{2959AB7D-CC5F-DF45-9C6F-9D80C3C4D707}"/>
                </a:ext>
              </a:extLst>
            </p:cNvPr>
            <p:cNvGrpSpPr/>
            <p:nvPr/>
          </p:nvGrpSpPr>
          <p:grpSpPr>
            <a:xfrm>
              <a:off x="5304417" y="107691"/>
              <a:ext cx="1336020" cy="205629"/>
              <a:chOff x="5417588" y="107691"/>
              <a:chExt cx="1336020" cy="205629"/>
            </a:xfrm>
          </p:grpSpPr>
          <p:grpSp>
            <p:nvGrpSpPr>
              <p:cNvPr id="159" name="Graphic 33">
                <a:extLst>
                  <a:ext uri="{FF2B5EF4-FFF2-40B4-BE49-F238E27FC236}">
                    <a16:creationId xmlns="" xmlns:a16="http://schemas.microsoft.com/office/drawing/2014/main" id="{11427057-85C8-964C-BA6B-65B9CE1A2B1F}"/>
                  </a:ext>
                </a:extLst>
              </p:cNvPr>
              <p:cNvGrpSpPr/>
              <p:nvPr/>
            </p:nvGrpSpPr>
            <p:grpSpPr>
              <a:xfrm>
                <a:off x="5417588" y="107691"/>
                <a:ext cx="189272" cy="205629"/>
                <a:chOff x="4438650" y="3289300"/>
                <a:chExt cx="257175" cy="279400"/>
              </a:xfrm>
              <a:solidFill>
                <a:schemeClr val="tx2"/>
              </a:solidFill>
            </p:grpSpPr>
            <p:sp>
              <p:nvSpPr>
                <p:cNvPr id="168" name="Vrije vorm 167">
                  <a:extLst>
                    <a:ext uri="{FF2B5EF4-FFF2-40B4-BE49-F238E27FC236}">
                      <a16:creationId xmlns="" xmlns:a16="http://schemas.microsoft.com/office/drawing/2014/main" id="{153F9CD2-0795-3B43-81F4-977D4EF05FAF}"/>
                    </a:ext>
                  </a:extLst>
                </p:cNvPr>
                <p:cNvSpPr/>
                <p:nvPr/>
              </p:nvSpPr>
              <p:spPr>
                <a:xfrm>
                  <a:off x="4541520" y="3335867"/>
                  <a:ext cx="47625" cy="74507"/>
                </a:xfrm>
                <a:custGeom>
                  <a:avLst/>
                  <a:gdLst>
                    <a:gd name="connsiteX0" fmla="*/ 57150 w 47625"/>
                    <a:gd name="connsiteY0" fmla="*/ 39302 h 74506"/>
                    <a:gd name="connsiteX1" fmla="*/ 28575 w 47625"/>
                    <a:gd name="connsiteY1" fmla="*/ 78418 h 74506"/>
                    <a:gd name="connsiteX2" fmla="*/ 0 w 47625"/>
                    <a:gd name="connsiteY2" fmla="*/ 39302 h 74506"/>
                    <a:gd name="connsiteX3" fmla="*/ 28575 w 47625"/>
                    <a:gd name="connsiteY3" fmla="*/ 0 h 74506"/>
                    <a:gd name="connsiteX4" fmla="*/ 57150 w 47625"/>
                    <a:gd name="connsiteY4" fmla="*/ 39116 h 7450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47625" h="74506">
                      <a:moveTo>
                        <a:pt x="57150" y="39302"/>
                      </a:moveTo>
                      <a:cubicBezTo>
                        <a:pt x="57150" y="61002"/>
                        <a:pt x="44387" y="78418"/>
                        <a:pt x="28575" y="78418"/>
                      </a:cubicBezTo>
                      <a:cubicBezTo>
                        <a:pt x="12764" y="78418"/>
                        <a:pt x="0" y="61002"/>
                        <a:pt x="0" y="39302"/>
                      </a:cubicBezTo>
                      <a:cubicBezTo>
                        <a:pt x="0" y="17602"/>
                        <a:pt x="12764" y="0"/>
                        <a:pt x="28575" y="0"/>
                      </a:cubicBezTo>
                      <a:cubicBezTo>
                        <a:pt x="44387" y="0"/>
                        <a:pt x="57150" y="17509"/>
                        <a:pt x="57150" y="39116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169" name="Vrije vorm 168">
                  <a:extLst>
                    <a:ext uri="{FF2B5EF4-FFF2-40B4-BE49-F238E27FC236}">
                      <a16:creationId xmlns="" xmlns:a16="http://schemas.microsoft.com/office/drawing/2014/main" id="{F723FDBB-355E-0448-8459-6A53A439E11B}"/>
                    </a:ext>
                  </a:extLst>
                </p:cNvPr>
                <p:cNvSpPr/>
                <p:nvPr/>
              </p:nvSpPr>
              <p:spPr>
                <a:xfrm>
                  <a:off x="4438650" y="3289300"/>
                  <a:ext cx="257175" cy="279400"/>
                </a:xfrm>
                <a:custGeom>
                  <a:avLst/>
                  <a:gdLst>
                    <a:gd name="connsiteX0" fmla="*/ 0 w 257175"/>
                    <a:gd name="connsiteY0" fmla="*/ 0 h 279400"/>
                    <a:gd name="connsiteX1" fmla="*/ 0 w 257175"/>
                    <a:gd name="connsiteY1" fmla="*/ 279400 h 279400"/>
                    <a:gd name="connsiteX2" fmla="*/ 262890 w 257175"/>
                    <a:gd name="connsiteY2" fmla="*/ 279400 h 279400"/>
                    <a:gd name="connsiteX3" fmla="*/ 262890 w 257175"/>
                    <a:gd name="connsiteY3" fmla="*/ 0 h 279400"/>
                    <a:gd name="connsiteX4" fmla="*/ 240030 w 257175"/>
                    <a:gd name="connsiteY4" fmla="*/ 257048 h 279400"/>
                    <a:gd name="connsiteX5" fmla="*/ 194310 w 257175"/>
                    <a:gd name="connsiteY5" fmla="*/ 257048 h 279400"/>
                    <a:gd name="connsiteX6" fmla="*/ 194310 w 257175"/>
                    <a:gd name="connsiteY6" fmla="*/ 167640 h 279400"/>
                    <a:gd name="connsiteX7" fmla="*/ 170783 w 257175"/>
                    <a:gd name="connsiteY7" fmla="*/ 145288 h 279400"/>
                    <a:gd name="connsiteX8" fmla="*/ 92869 w 257175"/>
                    <a:gd name="connsiteY8" fmla="*/ 145288 h 279400"/>
                    <a:gd name="connsiteX9" fmla="*/ 68580 w 257175"/>
                    <a:gd name="connsiteY9" fmla="*/ 167640 h 279400"/>
                    <a:gd name="connsiteX10" fmla="*/ 68580 w 257175"/>
                    <a:gd name="connsiteY10" fmla="*/ 257048 h 279400"/>
                    <a:gd name="connsiteX11" fmla="*/ 22860 w 257175"/>
                    <a:gd name="connsiteY11" fmla="*/ 257048 h 279400"/>
                    <a:gd name="connsiteX12" fmla="*/ 22860 w 257175"/>
                    <a:gd name="connsiteY12" fmla="*/ 22352 h 279400"/>
                    <a:gd name="connsiteX13" fmla="*/ 240030 w 257175"/>
                    <a:gd name="connsiteY13" fmla="*/ 22352 h 279400"/>
                    <a:gd name="connsiteX14" fmla="*/ 240030 w 257175"/>
                    <a:gd name="connsiteY14" fmla="*/ 257048 h 2794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</a:cxnLst>
                  <a:rect l="l" t="t" r="r" b="b"/>
                  <a:pathLst>
                    <a:path w="257175" h="279400">
                      <a:moveTo>
                        <a:pt x="0" y="0"/>
                      </a:moveTo>
                      <a:lnTo>
                        <a:pt x="0" y="279400"/>
                      </a:lnTo>
                      <a:lnTo>
                        <a:pt x="262890" y="279400"/>
                      </a:lnTo>
                      <a:lnTo>
                        <a:pt x="262890" y="0"/>
                      </a:lnTo>
                      <a:close/>
                      <a:moveTo>
                        <a:pt x="240030" y="257048"/>
                      </a:moveTo>
                      <a:lnTo>
                        <a:pt x="194310" y="257048"/>
                      </a:lnTo>
                      <a:lnTo>
                        <a:pt x="194310" y="167640"/>
                      </a:lnTo>
                      <a:cubicBezTo>
                        <a:pt x="193999" y="155169"/>
                        <a:pt x="183541" y="145234"/>
                        <a:pt x="170783" y="145288"/>
                      </a:cubicBezTo>
                      <a:lnTo>
                        <a:pt x="92869" y="145288"/>
                      </a:lnTo>
                      <a:cubicBezTo>
                        <a:pt x="79955" y="145172"/>
                        <a:pt x="69243" y="155029"/>
                        <a:pt x="68580" y="167640"/>
                      </a:cubicBezTo>
                      <a:lnTo>
                        <a:pt x="68580" y="257048"/>
                      </a:lnTo>
                      <a:lnTo>
                        <a:pt x="22860" y="257048"/>
                      </a:lnTo>
                      <a:lnTo>
                        <a:pt x="22860" y="22352"/>
                      </a:lnTo>
                      <a:lnTo>
                        <a:pt x="240030" y="22352"/>
                      </a:lnTo>
                      <a:lnTo>
                        <a:pt x="240030" y="257048"/>
                      </a:lnTo>
                      <a:close/>
                    </a:path>
                  </a:pathLst>
                </a:custGeom>
                <a:solidFill>
                  <a:schemeClr val="bg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</p:grpSp>
          <p:sp>
            <p:nvSpPr>
              <p:cNvPr id="167" name="Tekstvak 166">
                <a:extLst>
                  <a:ext uri="{FF2B5EF4-FFF2-40B4-BE49-F238E27FC236}">
                    <a16:creationId xmlns="" xmlns:a16="http://schemas.microsoft.com/office/drawing/2014/main" id="{D7BF2F44-A425-664D-ABD6-DB6A684CF599}"/>
                  </a:ext>
                </a:extLst>
              </p:cNvPr>
              <p:cNvSpPr txBox="1"/>
              <p:nvPr/>
            </p:nvSpPr>
            <p:spPr>
              <a:xfrm>
                <a:off x="5731575" y="30945"/>
                <a:ext cx="1023055" cy="350871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Клинические случаи</a:t>
                </a:r>
              </a:p>
            </p:txBody>
          </p:sp>
        </p:grpSp>
        <p:grpSp>
          <p:nvGrpSpPr>
            <p:cNvPr id="87" name="Groep 86">
              <a:extLst>
                <a:ext uri="{FF2B5EF4-FFF2-40B4-BE49-F238E27FC236}">
                  <a16:creationId xmlns="" xmlns:a16="http://schemas.microsoft.com/office/drawing/2014/main" id="{97A814CC-4BEC-034F-B326-D333797A7369}"/>
                </a:ext>
              </a:extLst>
            </p:cNvPr>
            <p:cNvGrpSpPr/>
            <p:nvPr/>
          </p:nvGrpSpPr>
          <p:grpSpPr>
            <a:xfrm>
              <a:off x="6852061" y="111117"/>
              <a:ext cx="713343" cy="198775"/>
              <a:chOff x="6846694" y="111117"/>
              <a:chExt cx="713343" cy="198775"/>
            </a:xfrm>
          </p:grpSpPr>
          <p:grpSp>
            <p:nvGrpSpPr>
              <p:cNvPr id="93" name="Graphic 65">
                <a:extLst>
                  <a:ext uri="{FF2B5EF4-FFF2-40B4-BE49-F238E27FC236}">
                    <a16:creationId xmlns="" xmlns:a16="http://schemas.microsoft.com/office/drawing/2014/main" id="{1FCF6DEA-270B-5949-81AD-3049F5981C2B}"/>
                  </a:ext>
                </a:extLst>
              </p:cNvPr>
              <p:cNvGrpSpPr/>
              <p:nvPr/>
            </p:nvGrpSpPr>
            <p:grpSpPr>
              <a:xfrm>
                <a:off x="6846694" y="111117"/>
                <a:ext cx="168242" cy="198775"/>
                <a:chOff x="4457700" y="3289300"/>
                <a:chExt cx="228600" cy="270087"/>
              </a:xfrm>
              <a:solidFill>
                <a:schemeClr val="bg2"/>
              </a:solidFill>
            </p:grpSpPr>
            <p:sp>
              <p:nvSpPr>
                <p:cNvPr id="95" name="Vrije vorm 94">
                  <a:extLst>
                    <a:ext uri="{FF2B5EF4-FFF2-40B4-BE49-F238E27FC236}">
                      <a16:creationId xmlns="" xmlns:a16="http://schemas.microsoft.com/office/drawing/2014/main" id="{716DC27D-704F-6C42-8EFF-2DB0DF0443BE}"/>
                    </a:ext>
                  </a:extLst>
                </p:cNvPr>
                <p:cNvSpPr/>
                <p:nvPr/>
              </p:nvSpPr>
              <p:spPr>
                <a:xfrm>
                  <a:off x="4457700" y="3401433"/>
                  <a:ext cx="228600" cy="158327"/>
                </a:xfrm>
                <a:custGeom>
                  <a:avLst/>
                  <a:gdLst>
                    <a:gd name="connsiteX0" fmla="*/ 210952 w 228600"/>
                    <a:gd name="connsiteY0" fmla="*/ 167267 h 158326"/>
                    <a:gd name="connsiteX1" fmla="*/ 18197 w 228600"/>
                    <a:gd name="connsiteY1" fmla="*/ 167267 h 158326"/>
                    <a:gd name="connsiteX2" fmla="*/ 50932 w 228600"/>
                    <a:gd name="connsiteY2" fmla="*/ 101795 h 158326"/>
                    <a:gd name="connsiteX3" fmla="*/ 0 w 228600"/>
                    <a:gd name="connsiteY3" fmla="*/ 0 h 158326"/>
                    <a:gd name="connsiteX4" fmla="*/ 229149 w 228600"/>
                    <a:gd name="connsiteY4" fmla="*/ 0 h 158326"/>
                    <a:gd name="connsiteX5" fmla="*/ 178308 w 228600"/>
                    <a:gd name="connsiteY5" fmla="*/ 101236 h 158326"/>
                    <a:gd name="connsiteX6" fmla="*/ 210952 w 228600"/>
                    <a:gd name="connsiteY6" fmla="*/ 167267 h 15832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</a:cxnLst>
                  <a:rect l="l" t="t" r="r" b="b"/>
                  <a:pathLst>
                    <a:path w="228600" h="158326">
                      <a:moveTo>
                        <a:pt x="210952" y="167267"/>
                      </a:moveTo>
                      <a:lnTo>
                        <a:pt x="18197" y="167267"/>
                      </a:lnTo>
                      <a:lnTo>
                        <a:pt x="50932" y="101795"/>
                      </a:lnTo>
                      <a:lnTo>
                        <a:pt x="0" y="0"/>
                      </a:lnTo>
                      <a:lnTo>
                        <a:pt x="229149" y="0"/>
                      </a:lnTo>
                      <a:lnTo>
                        <a:pt x="178308" y="101236"/>
                      </a:lnTo>
                      <a:lnTo>
                        <a:pt x="210952" y="167267"/>
                      </a:lnTo>
                      <a:close/>
                    </a:path>
                  </a:pathLst>
                </a:custGeom>
                <a:grpFill/>
                <a:ln w="914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96" name="Vrije vorm 95">
                  <a:extLst>
                    <a:ext uri="{FF2B5EF4-FFF2-40B4-BE49-F238E27FC236}">
                      <a16:creationId xmlns="" xmlns:a16="http://schemas.microsoft.com/office/drawing/2014/main" id="{942B9921-248E-C94D-ADBD-80E20BF9A759}"/>
                    </a:ext>
                  </a:extLst>
                </p:cNvPr>
                <p:cNvSpPr/>
                <p:nvPr/>
              </p:nvSpPr>
              <p:spPr>
                <a:xfrm>
                  <a:off x="4599981" y="3312304"/>
                  <a:ext cx="36576" cy="65193"/>
                </a:xfrm>
                <a:custGeom>
                  <a:avLst/>
                  <a:gdLst>
                    <a:gd name="connsiteX0" fmla="*/ 22311 w 36576"/>
                    <a:gd name="connsiteY0" fmla="*/ 0 h 65193"/>
                    <a:gd name="connsiteX1" fmla="*/ 44257 w 36576"/>
                    <a:gd name="connsiteY1" fmla="*/ 0 h 65193"/>
                    <a:gd name="connsiteX2" fmla="*/ 21854 w 36576"/>
                    <a:gd name="connsiteY2" fmla="*/ 66870 h 65193"/>
                    <a:gd name="connsiteX3" fmla="*/ 0 w 36576"/>
                    <a:gd name="connsiteY3" fmla="*/ 66870 h 65193"/>
                    <a:gd name="connsiteX4" fmla="*/ 22311 w 36576"/>
                    <a:gd name="connsiteY4" fmla="*/ 0 h 6519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36576" h="65193">
                      <a:moveTo>
                        <a:pt x="22311" y="0"/>
                      </a:moveTo>
                      <a:lnTo>
                        <a:pt x="44257" y="0"/>
                      </a:lnTo>
                      <a:lnTo>
                        <a:pt x="21854" y="66870"/>
                      </a:lnTo>
                      <a:lnTo>
                        <a:pt x="0" y="66870"/>
                      </a:lnTo>
                      <a:lnTo>
                        <a:pt x="22311" y="0"/>
                      </a:lnTo>
                      <a:close/>
                    </a:path>
                  </a:pathLst>
                </a:custGeom>
                <a:grpFill/>
                <a:ln w="914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97" name="Vrije vorm 96">
                  <a:extLst>
                    <a:ext uri="{FF2B5EF4-FFF2-40B4-BE49-F238E27FC236}">
                      <a16:creationId xmlns="" xmlns:a16="http://schemas.microsoft.com/office/drawing/2014/main" id="{F09C6435-4552-2E4E-A8A3-9E2BFBD801D1}"/>
                    </a:ext>
                  </a:extLst>
                </p:cNvPr>
                <p:cNvSpPr/>
                <p:nvPr/>
              </p:nvSpPr>
              <p:spPr>
                <a:xfrm>
                  <a:off x="4608119" y="3289300"/>
                  <a:ext cx="45720" cy="46567"/>
                </a:xfrm>
                <a:custGeom>
                  <a:avLst/>
                  <a:gdLst>
                    <a:gd name="connsiteX0" fmla="*/ 49377 w 45720"/>
                    <a:gd name="connsiteY0" fmla="*/ 25053 h 46566"/>
                    <a:gd name="connsiteX1" fmla="*/ 24780 w 45720"/>
                    <a:gd name="connsiteY1" fmla="*/ 50292 h 46566"/>
                    <a:gd name="connsiteX2" fmla="*/ 0 w 45720"/>
                    <a:gd name="connsiteY2" fmla="*/ 25239 h 46566"/>
                    <a:gd name="connsiteX3" fmla="*/ 24597 w 45720"/>
                    <a:gd name="connsiteY3" fmla="*/ 0 h 46566"/>
                    <a:gd name="connsiteX4" fmla="*/ 24689 w 45720"/>
                    <a:gd name="connsiteY4" fmla="*/ 0 h 46566"/>
                    <a:gd name="connsiteX5" fmla="*/ 49377 w 45720"/>
                    <a:gd name="connsiteY5" fmla="*/ 25053 h 4656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</a:cxnLst>
                  <a:rect l="l" t="t" r="r" b="b"/>
                  <a:pathLst>
                    <a:path w="45720" h="46566">
                      <a:moveTo>
                        <a:pt x="49377" y="25053"/>
                      </a:moveTo>
                      <a:cubicBezTo>
                        <a:pt x="49428" y="38941"/>
                        <a:pt x="38415" y="50240"/>
                        <a:pt x="24780" y="50292"/>
                      </a:cubicBezTo>
                      <a:cubicBezTo>
                        <a:pt x="11145" y="50343"/>
                        <a:pt x="51" y="39127"/>
                        <a:pt x="0" y="25239"/>
                      </a:cubicBezTo>
                      <a:cubicBezTo>
                        <a:pt x="-50" y="11351"/>
                        <a:pt x="10962" y="52"/>
                        <a:pt x="24597" y="0"/>
                      </a:cubicBezTo>
                      <a:cubicBezTo>
                        <a:pt x="24628" y="0"/>
                        <a:pt x="24658" y="0"/>
                        <a:pt x="24689" y="0"/>
                      </a:cubicBezTo>
                      <a:cubicBezTo>
                        <a:pt x="38288" y="0"/>
                        <a:pt x="49327" y="11201"/>
                        <a:pt x="49377" y="25053"/>
                      </a:cubicBezTo>
                    </a:path>
                  </a:pathLst>
                </a:custGeom>
                <a:grpFill/>
                <a:ln w="914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</p:grpSp>
          <p:sp>
            <p:nvSpPr>
              <p:cNvPr id="94" name="Tekstvak 93">
                <a:extLst>
                  <a:ext uri="{FF2B5EF4-FFF2-40B4-BE49-F238E27FC236}">
                    <a16:creationId xmlns="" xmlns:a16="http://schemas.microsoft.com/office/drawing/2014/main" id="{AE554103-6644-8441-844F-DF0048C532F8}"/>
                  </a:ext>
                </a:extLst>
              </p:cNvPr>
              <p:cNvSpPr txBox="1"/>
              <p:nvPr/>
            </p:nvSpPr>
            <p:spPr>
              <a:xfrm>
                <a:off x="7135905" y="118662"/>
                <a:ext cx="424556" cy="17543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ИМП</a:t>
                </a:r>
              </a:p>
            </p:txBody>
          </p:sp>
        </p:grpSp>
        <p:grpSp>
          <p:nvGrpSpPr>
            <p:cNvPr id="88" name="Groep 87">
              <a:extLst>
                <a:ext uri="{FF2B5EF4-FFF2-40B4-BE49-F238E27FC236}">
                  <a16:creationId xmlns="" xmlns:a16="http://schemas.microsoft.com/office/drawing/2014/main" id="{93B29AC8-FCFA-A948-B863-7053EAADA6F2}"/>
                </a:ext>
              </a:extLst>
            </p:cNvPr>
            <p:cNvGrpSpPr/>
            <p:nvPr/>
          </p:nvGrpSpPr>
          <p:grpSpPr>
            <a:xfrm>
              <a:off x="7788647" y="108444"/>
              <a:ext cx="987540" cy="204121"/>
              <a:chOff x="7783280" y="108444"/>
              <a:chExt cx="987540" cy="204121"/>
            </a:xfrm>
          </p:grpSpPr>
          <p:grpSp>
            <p:nvGrpSpPr>
              <p:cNvPr id="89" name="Graphic 74">
                <a:extLst>
                  <a:ext uri="{FF2B5EF4-FFF2-40B4-BE49-F238E27FC236}">
                    <a16:creationId xmlns="" xmlns:a16="http://schemas.microsoft.com/office/drawing/2014/main" id="{D7E41848-D9D3-B747-BDC4-A35A9C5C5017}"/>
                  </a:ext>
                </a:extLst>
              </p:cNvPr>
              <p:cNvGrpSpPr/>
              <p:nvPr/>
            </p:nvGrpSpPr>
            <p:grpSpPr>
              <a:xfrm>
                <a:off x="7783280" y="108444"/>
                <a:ext cx="188043" cy="204121"/>
                <a:chOff x="4445000" y="3289300"/>
                <a:chExt cx="255505" cy="277351"/>
              </a:xfrm>
              <a:solidFill>
                <a:schemeClr val="bg2"/>
              </a:solidFill>
            </p:grpSpPr>
            <p:sp>
              <p:nvSpPr>
                <p:cNvPr id="91" name="Vrije vorm 90">
                  <a:extLst>
                    <a:ext uri="{FF2B5EF4-FFF2-40B4-BE49-F238E27FC236}">
                      <a16:creationId xmlns="" xmlns:a16="http://schemas.microsoft.com/office/drawing/2014/main" id="{1BECA0FD-C46C-184E-9C92-BF0DA8846C20}"/>
                    </a:ext>
                  </a:extLst>
                </p:cNvPr>
                <p:cNvSpPr/>
                <p:nvPr/>
              </p:nvSpPr>
              <p:spPr>
                <a:xfrm>
                  <a:off x="4474727" y="3289300"/>
                  <a:ext cx="225778" cy="223520"/>
                </a:xfrm>
                <a:custGeom>
                  <a:avLst/>
                  <a:gdLst>
                    <a:gd name="connsiteX0" fmla="*/ 72437 w 225777"/>
                    <a:gd name="connsiteY0" fmla="*/ 230319 h 223520"/>
                    <a:gd name="connsiteX1" fmla="*/ 0 w 225777"/>
                    <a:gd name="connsiteY1" fmla="*/ 165964 h 223520"/>
                    <a:gd name="connsiteX2" fmla="*/ 0 w 225777"/>
                    <a:gd name="connsiteY2" fmla="*/ 165964 h 223520"/>
                    <a:gd name="connsiteX3" fmla="*/ 28504 w 225777"/>
                    <a:gd name="connsiteY3" fmla="*/ 127500 h 223520"/>
                    <a:gd name="connsiteX4" fmla="*/ 68580 w 225777"/>
                    <a:gd name="connsiteY4" fmla="*/ 183566 h 223520"/>
                    <a:gd name="connsiteX5" fmla="*/ 190688 w 225777"/>
                    <a:gd name="connsiteY5" fmla="*/ 0 h 223520"/>
                    <a:gd name="connsiteX6" fmla="*/ 226060 w 225777"/>
                    <a:gd name="connsiteY6" fmla="*/ 24028 h 223520"/>
                    <a:gd name="connsiteX7" fmla="*/ 72437 w 225777"/>
                    <a:gd name="connsiteY7" fmla="*/ 230319 h 22352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</a:cxnLst>
                  <a:rect l="l" t="t" r="r" b="b"/>
                  <a:pathLst>
                    <a:path w="225777" h="223520">
                      <a:moveTo>
                        <a:pt x="72437" y="230319"/>
                      </a:moveTo>
                      <a:lnTo>
                        <a:pt x="0" y="165964"/>
                      </a:lnTo>
                      <a:lnTo>
                        <a:pt x="0" y="165964"/>
                      </a:lnTo>
                      <a:lnTo>
                        <a:pt x="28504" y="127500"/>
                      </a:lnTo>
                      <a:lnTo>
                        <a:pt x="68580" y="183566"/>
                      </a:lnTo>
                      <a:lnTo>
                        <a:pt x="190688" y="0"/>
                      </a:lnTo>
                      <a:lnTo>
                        <a:pt x="226060" y="24028"/>
                      </a:lnTo>
                      <a:lnTo>
                        <a:pt x="72437" y="230319"/>
                      </a:lnTo>
                      <a:close/>
                    </a:path>
                  </a:pathLst>
                </a:custGeom>
                <a:grpFill/>
                <a:ln w="9172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92" name="Vrije vorm 91">
                  <a:extLst>
                    <a:ext uri="{FF2B5EF4-FFF2-40B4-BE49-F238E27FC236}">
                      <a16:creationId xmlns="" xmlns:a16="http://schemas.microsoft.com/office/drawing/2014/main" id="{C8CB67A1-5DA9-9C47-BF94-E76E99C7667D}"/>
                    </a:ext>
                  </a:extLst>
                </p:cNvPr>
                <p:cNvSpPr/>
                <p:nvPr/>
              </p:nvSpPr>
              <p:spPr>
                <a:xfrm>
                  <a:off x="4445000" y="3296564"/>
                  <a:ext cx="225778" cy="270087"/>
                </a:xfrm>
                <a:custGeom>
                  <a:avLst/>
                  <a:gdLst>
                    <a:gd name="connsiteX0" fmla="*/ 229070 w 225777"/>
                    <a:gd name="connsiteY0" fmla="*/ 272136 h 270086"/>
                    <a:gd name="connsiteX1" fmla="*/ 0 w 225777"/>
                    <a:gd name="connsiteY1" fmla="*/ 272136 h 270086"/>
                    <a:gd name="connsiteX2" fmla="*/ 0 w 225777"/>
                    <a:gd name="connsiteY2" fmla="*/ 0 h 270086"/>
                    <a:gd name="connsiteX3" fmla="*/ 187960 w 225777"/>
                    <a:gd name="connsiteY3" fmla="*/ 0 h 270086"/>
                    <a:gd name="connsiteX4" fmla="*/ 172720 w 225777"/>
                    <a:gd name="connsiteY4" fmla="*/ 22631 h 270086"/>
                    <a:gd name="connsiteX5" fmla="*/ 22954 w 225777"/>
                    <a:gd name="connsiteY5" fmla="*/ 22631 h 270086"/>
                    <a:gd name="connsiteX6" fmla="*/ 22954 w 225777"/>
                    <a:gd name="connsiteY6" fmla="*/ 249504 h 270086"/>
                    <a:gd name="connsiteX7" fmla="*/ 206210 w 225777"/>
                    <a:gd name="connsiteY7" fmla="*/ 249504 h 270086"/>
                    <a:gd name="connsiteX8" fmla="*/ 206210 w 225777"/>
                    <a:gd name="connsiteY8" fmla="*/ 139886 h 270086"/>
                    <a:gd name="connsiteX9" fmla="*/ 229070 w 225777"/>
                    <a:gd name="connsiteY9" fmla="*/ 107755 h 270086"/>
                    <a:gd name="connsiteX10" fmla="*/ 229070 w 225777"/>
                    <a:gd name="connsiteY10" fmla="*/ 272136 h 27008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</a:cxnLst>
                  <a:rect l="l" t="t" r="r" b="b"/>
                  <a:pathLst>
                    <a:path w="225777" h="270086">
                      <a:moveTo>
                        <a:pt x="229070" y="272136"/>
                      </a:moveTo>
                      <a:lnTo>
                        <a:pt x="0" y="272136"/>
                      </a:lnTo>
                      <a:lnTo>
                        <a:pt x="0" y="0"/>
                      </a:lnTo>
                      <a:lnTo>
                        <a:pt x="187960" y="0"/>
                      </a:lnTo>
                      <a:lnTo>
                        <a:pt x="172720" y="22631"/>
                      </a:lnTo>
                      <a:lnTo>
                        <a:pt x="22954" y="22631"/>
                      </a:lnTo>
                      <a:lnTo>
                        <a:pt x="22954" y="249504"/>
                      </a:lnTo>
                      <a:lnTo>
                        <a:pt x="206210" y="249504"/>
                      </a:lnTo>
                      <a:lnTo>
                        <a:pt x="206210" y="139886"/>
                      </a:lnTo>
                      <a:lnTo>
                        <a:pt x="229070" y="107755"/>
                      </a:lnTo>
                      <a:lnTo>
                        <a:pt x="229070" y="272136"/>
                      </a:lnTo>
                      <a:close/>
                    </a:path>
                  </a:pathLst>
                </a:custGeom>
                <a:grpFill/>
                <a:ln w="9172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</p:grpSp>
          <p:sp>
            <p:nvSpPr>
              <p:cNvPr id="90" name="Tekstvak 89">
                <a:extLst>
                  <a:ext uri="{FF2B5EF4-FFF2-40B4-BE49-F238E27FC236}">
                    <a16:creationId xmlns="" xmlns:a16="http://schemas.microsoft.com/office/drawing/2014/main" id="{C99594FB-4626-8842-B92E-97BFAEF75043}"/>
                  </a:ext>
                </a:extLst>
              </p:cNvPr>
              <p:cNvSpPr txBox="1"/>
              <p:nvPr/>
            </p:nvSpPr>
            <p:spPr>
              <a:xfrm>
                <a:off x="8091097" y="118662"/>
                <a:ext cx="680404" cy="17543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Резюме</a:t>
                </a:r>
              </a:p>
            </p:txBody>
          </p:sp>
        </p:grpSp>
      </p:grpSp>
      <p:grpSp>
        <p:nvGrpSpPr>
          <p:cNvPr id="131" name="Groep 76">
            <a:extLst>
              <a:ext uri="{FF2B5EF4-FFF2-40B4-BE49-F238E27FC236}">
                <a16:creationId xmlns="" xmlns:a16="http://schemas.microsoft.com/office/drawing/2014/main" id="{CEEC302C-B97A-4CE0-9292-DB3A191FFE6D}"/>
              </a:ext>
            </a:extLst>
          </p:cNvPr>
          <p:cNvGrpSpPr/>
          <p:nvPr userDrawn="1"/>
        </p:nvGrpSpPr>
        <p:grpSpPr>
          <a:xfrm>
            <a:off x="2498181" y="107692"/>
            <a:ext cx="8872251" cy="205630"/>
            <a:chOff x="1873636" y="107691"/>
            <a:chExt cx="6654188" cy="205630"/>
          </a:xfrm>
          <a:solidFill>
            <a:schemeClr val="bg1"/>
          </a:solidFill>
        </p:grpSpPr>
        <p:grpSp>
          <p:nvGrpSpPr>
            <p:cNvPr id="132" name="Groep 160">
              <a:extLst>
                <a:ext uri="{FF2B5EF4-FFF2-40B4-BE49-F238E27FC236}">
                  <a16:creationId xmlns="" xmlns:a16="http://schemas.microsoft.com/office/drawing/2014/main" id="{AE5495B0-DC1D-48ED-8701-86304A683218}"/>
                </a:ext>
              </a:extLst>
            </p:cNvPr>
            <p:cNvGrpSpPr/>
            <p:nvPr/>
          </p:nvGrpSpPr>
          <p:grpSpPr>
            <a:xfrm>
              <a:off x="1873636" y="107692"/>
              <a:ext cx="736279" cy="205629"/>
              <a:chOff x="2096893" y="107692"/>
              <a:chExt cx="736279" cy="205629"/>
            </a:xfrm>
            <a:grpFill/>
          </p:grpSpPr>
          <p:sp>
            <p:nvSpPr>
              <p:cNvPr id="150" name="Graphic 30">
                <a:extLst>
                  <a:ext uri="{FF2B5EF4-FFF2-40B4-BE49-F238E27FC236}">
                    <a16:creationId xmlns="" xmlns:a16="http://schemas.microsoft.com/office/drawing/2014/main" id="{55832ECC-948B-48D6-BE16-3203F644E22A}"/>
                  </a:ext>
                </a:extLst>
              </p:cNvPr>
              <p:cNvSpPr/>
              <p:nvPr/>
            </p:nvSpPr>
            <p:spPr>
              <a:xfrm>
                <a:off x="2096893" y="107692"/>
                <a:ext cx="177589" cy="205629"/>
              </a:xfrm>
              <a:custGeom>
                <a:avLst/>
                <a:gdLst>
                  <a:gd name="connsiteX0" fmla="*/ 244270 w 241300"/>
                  <a:gd name="connsiteY0" fmla="*/ 279400 h 279400"/>
                  <a:gd name="connsiteX1" fmla="*/ 174478 w 241300"/>
                  <a:gd name="connsiteY1" fmla="*/ 279400 h 279400"/>
                  <a:gd name="connsiteX2" fmla="*/ 174478 w 241300"/>
                  <a:gd name="connsiteY2" fmla="*/ 168478 h 279400"/>
                  <a:gd name="connsiteX3" fmla="*/ 69791 w 241300"/>
                  <a:gd name="connsiteY3" fmla="*/ 168478 h 279400"/>
                  <a:gd name="connsiteX4" fmla="*/ 69791 w 241300"/>
                  <a:gd name="connsiteY4" fmla="*/ 279400 h 279400"/>
                  <a:gd name="connsiteX5" fmla="*/ 0 w 241300"/>
                  <a:gd name="connsiteY5" fmla="*/ 279400 h 279400"/>
                  <a:gd name="connsiteX6" fmla="*/ 0 w 241300"/>
                  <a:gd name="connsiteY6" fmla="*/ 91457 h 279400"/>
                  <a:gd name="connsiteX7" fmla="*/ 122135 w 241300"/>
                  <a:gd name="connsiteY7" fmla="*/ 0 h 279400"/>
                  <a:gd name="connsiteX8" fmla="*/ 244270 w 241300"/>
                  <a:gd name="connsiteY8" fmla="*/ 91457 h 279400"/>
                  <a:gd name="connsiteX9" fmla="*/ 244270 w 241300"/>
                  <a:gd name="connsiteY9" fmla="*/ 279400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41300" h="279400">
                    <a:moveTo>
                      <a:pt x="244270" y="279400"/>
                    </a:moveTo>
                    <a:lnTo>
                      <a:pt x="174478" y="279400"/>
                    </a:lnTo>
                    <a:lnTo>
                      <a:pt x="174478" y="168478"/>
                    </a:lnTo>
                    <a:lnTo>
                      <a:pt x="69791" y="168478"/>
                    </a:lnTo>
                    <a:lnTo>
                      <a:pt x="69791" y="279400"/>
                    </a:lnTo>
                    <a:lnTo>
                      <a:pt x="0" y="279400"/>
                    </a:lnTo>
                    <a:lnTo>
                      <a:pt x="0" y="91457"/>
                    </a:lnTo>
                    <a:lnTo>
                      <a:pt x="122135" y="0"/>
                    </a:lnTo>
                    <a:lnTo>
                      <a:pt x="244270" y="91457"/>
                    </a:lnTo>
                    <a:lnTo>
                      <a:pt x="244270" y="279400"/>
                    </a:lnTo>
                    <a:close/>
                  </a:path>
                </a:pathLst>
              </a:custGeom>
              <a:grpFill/>
              <a:ln w="915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bg1"/>
                  </a:solidFill>
                </a:endParaRPr>
              </a:p>
            </p:txBody>
          </p:sp>
          <p:sp>
            <p:nvSpPr>
              <p:cNvPr id="151" name="Tekstvak 135">
                <a:extLst>
                  <a:ext uri="{FF2B5EF4-FFF2-40B4-BE49-F238E27FC236}">
                    <a16:creationId xmlns="" xmlns:a16="http://schemas.microsoft.com/office/drawing/2014/main" id="{0A2C132F-F68B-4324-8053-8425133F6B33}"/>
                  </a:ext>
                </a:extLst>
              </p:cNvPr>
              <p:cNvSpPr txBox="1"/>
              <p:nvPr/>
            </p:nvSpPr>
            <p:spPr>
              <a:xfrm>
                <a:off x="2407103" y="-56773"/>
                <a:ext cx="426495" cy="526306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Главная страница</a:t>
                </a:r>
              </a:p>
            </p:txBody>
          </p:sp>
        </p:grpSp>
        <p:grpSp>
          <p:nvGrpSpPr>
            <p:cNvPr id="133" name="Groep 161">
              <a:extLst>
                <a:ext uri="{FF2B5EF4-FFF2-40B4-BE49-F238E27FC236}">
                  <a16:creationId xmlns="" xmlns:a16="http://schemas.microsoft.com/office/drawing/2014/main" id="{7409C188-1F8A-458E-9654-38A478E6A8AB}"/>
                </a:ext>
              </a:extLst>
            </p:cNvPr>
            <p:cNvGrpSpPr/>
            <p:nvPr/>
          </p:nvGrpSpPr>
          <p:grpSpPr>
            <a:xfrm>
              <a:off x="2828680" y="107691"/>
              <a:ext cx="1028176" cy="205629"/>
              <a:chOff x="3051937" y="107691"/>
              <a:chExt cx="1028176" cy="205629"/>
            </a:xfrm>
            <a:grpFill/>
          </p:grpSpPr>
          <p:sp>
            <p:nvSpPr>
              <p:cNvPr id="148" name="Graphic 24">
                <a:extLst>
                  <a:ext uri="{FF2B5EF4-FFF2-40B4-BE49-F238E27FC236}">
                    <a16:creationId xmlns="" xmlns:a16="http://schemas.microsoft.com/office/drawing/2014/main" id="{A4B4E5DE-D45A-4523-A826-F1CF2507FB03}"/>
                  </a:ext>
                </a:extLst>
              </p:cNvPr>
              <p:cNvSpPr/>
              <p:nvPr/>
            </p:nvSpPr>
            <p:spPr>
              <a:xfrm>
                <a:off x="3051937" y="107691"/>
                <a:ext cx="243017" cy="205629"/>
              </a:xfrm>
              <a:custGeom>
                <a:avLst/>
                <a:gdLst>
                  <a:gd name="connsiteX0" fmla="*/ 290953 w 330200"/>
                  <a:gd name="connsiteY0" fmla="*/ 108407 h 279400"/>
                  <a:gd name="connsiteX1" fmla="*/ 290953 w 330200"/>
                  <a:gd name="connsiteY1" fmla="*/ 62679 h 279400"/>
                  <a:gd name="connsiteX2" fmla="*/ 332181 w 330200"/>
                  <a:gd name="connsiteY2" fmla="*/ 62679 h 279400"/>
                  <a:gd name="connsiteX3" fmla="*/ 332181 w 330200"/>
                  <a:gd name="connsiteY3" fmla="*/ 0 h 279400"/>
                  <a:gd name="connsiteX4" fmla="*/ 236989 w 330200"/>
                  <a:gd name="connsiteY4" fmla="*/ 0 h 279400"/>
                  <a:gd name="connsiteX5" fmla="*/ 236989 w 330200"/>
                  <a:gd name="connsiteY5" fmla="*/ 25053 h 279400"/>
                  <a:gd name="connsiteX6" fmla="*/ 213687 w 330200"/>
                  <a:gd name="connsiteY6" fmla="*/ 25053 h 279400"/>
                  <a:gd name="connsiteX7" fmla="*/ 213687 w 330200"/>
                  <a:gd name="connsiteY7" fmla="*/ 0 h 279400"/>
                  <a:gd name="connsiteX8" fmla="*/ 118495 w 330200"/>
                  <a:gd name="connsiteY8" fmla="*/ 0 h 279400"/>
                  <a:gd name="connsiteX9" fmla="*/ 118495 w 330200"/>
                  <a:gd name="connsiteY9" fmla="*/ 25053 h 279400"/>
                  <a:gd name="connsiteX10" fmla="*/ 95192 w 330200"/>
                  <a:gd name="connsiteY10" fmla="*/ 25053 h 279400"/>
                  <a:gd name="connsiteX11" fmla="*/ 95192 w 330200"/>
                  <a:gd name="connsiteY11" fmla="*/ 0 h 279400"/>
                  <a:gd name="connsiteX12" fmla="*/ 0 w 330200"/>
                  <a:gd name="connsiteY12" fmla="*/ 0 h 279400"/>
                  <a:gd name="connsiteX13" fmla="*/ 0 w 330200"/>
                  <a:gd name="connsiteY13" fmla="*/ 62679 h 279400"/>
                  <a:gd name="connsiteX14" fmla="*/ 95192 w 330200"/>
                  <a:gd name="connsiteY14" fmla="*/ 62679 h 279400"/>
                  <a:gd name="connsiteX15" fmla="*/ 95192 w 330200"/>
                  <a:gd name="connsiteY15" fmla="*/ 37626 h 279400"/>
                  <a:gd name="connsiteX16" fmla="*/ 118495 w 330200"/>
                  <a:gd name="connsiteY16" fmla="*/ 37626 h 279400"/>
                  <a:gd name="connsiteX17" fmla="*/ 118495 w 330200"/>
                  <a:gd name="connsiteY17" fmla="*/ 62679 h 279400"/>
                  <a:gd name="connsiteX18" fmla="*/ 159722 w 330200"/>
                  <a:gd name="connsiteY18" fmla="*/ 62679 h 279400"/>
                  <a:gd name="connsiteX19" fmla="*/ 159722 w 330200"/>
                  <a:gd name="connsiteY19" fmla="*/ 108407 h 279400"/>
                  <a:gd name="connsiteX20" fmla="*/ 118495 w 330200"/>
                  <a:gd name="connsiteY20" fmla="*/ 108407 h 279400"/>
                  <a:gd name="connsiteX21" fmla="*/ 118495 w 330200"/>
                  <a:gd name="connsiteY21" fmla="*/ 170993 h 279400"/>
                  <a:gd name="connsiteX22" fmla="*/ 159722 w 330200"/>
                  <a:gd name="connsiteY22" fmla="*/ 170993 h 279400"/>
                  <a:gd name="connsiteX23" fmla="*/ 159722 w 330200"/>
                  <a:gd name="connsiteY23" fmla="*/ 216721 h 279400"/>
                  <a:gd name="connsiteX24" fmla="*/ 118495 w 330200"/>
                  <a:gd name="connsiteY24" fmla="*/ 216721 h 279400"/>
                  <a:gd name="connsiteX25" fmla="*/ 118495 w 330200"/>
                  <a:gd name="connsiteY25" fmla="*/ 279400 h 279400"/>
                  <a:gd name="connsiteX26" fmla="*/ 213687 w 330200"/>
                  <a:gd name="connsiteY26" fmla="*/ 279400 h 279400"/>
                  <a:gd name="connsiteX27" fmla="*/ 213687 w 330200"/>
                  <a:gd name="connsiteY27" fmla="*/ 216721 h 279400"/>
                  <a:gd name="connsiteX28" fmla="*/ 172459 w 330200"/>
                  <a:gd name="connsiteY28" fmla="*/ 216721 h 279400"/>
                  <a:gd name="connsiteX29" fmla="*/ 172459 w 330200"/>
                  <a:gd name="connsiteY29" fmla="*/ 170993 h 279400"/>
                  <a:gd name="connsiteX30" fmla="*/ 213687 w 330200"/>
                  <a:gd name="connsiteY30" fmla="*/ 170993 h 279400"/>
                  <a:gd name="connsiteX31" fmla="*/ 213687 w 330200"/>
                  <a:gd name="connsiteY31" fmla="*/ 108407 h 279400"/>
                  <a:gd name="connsiteX32" fmla="*/ 172459 w 330200"/>
                  <a:gd name="connsiteY32" fmla="*/ 108407 h 279400"/>
                  <a:gd name="connsiteX33" fmla="*/ 172459 w 330200"/>
                  <a:gd name="connsiteY33" fmla="*/ 62679 h 279400"/>
                  <a:gd name="connsiteX34" fmla="*/ 213687 w 330200"/>
                  <a:gd name="connsiteY34" fmla="*/ 62679 h 279400"/>
                  <a:gd name="connsiteX35" fmla="*/ 213687 w 330200"/>
                  <a:gd name="connsiteY35" fmla="*/ 37626 h 279400"/>
                  <a:gd name="connsiteX36" fmla="*/ 236989 w 330200"/>
                  <a:gd name="connsiteY36" fmla="*/ 37626 h 279400"/>
                  <a:gd name="connsiteX37" fmla="*/ 236989 w 330200"/>
                  <a:gd name="connsiteY37" fmla="*/ 62679 h 279400"/>
                  <a:gd name="connsiteX38" fmla="*/ 278217 w 330200"/>
                  <a:gd name="connsiteY38" fmla="*/ 62679 h 279400"/>
                  <a:gd name="connsiteX39" fmla="*/ 278217 w 330200"/>
                  <a:gd name="connsiteY39" fmla="*/ 108407 h 279400"/>
                  <a:gd name="connsiteX40" fmla="*/ 236989 w 330200"/>
                  <a:gd name="connsiteY40" fmla="*/ 108407 h 279400"/>
                  <a:gd name="connsiteX41" fmla="*/ 236989 w 330200"/>
                  <a:gd name="connsiteY41" fmla="*/ 170993 h 279400"/>
                  <a:gd name="connsiteX42" fmla="*/ 332181 w 330200"/>
                  <a:gd name="connsiteY42" fmla="*/ 170993 h 279400"/>
                  <a:gd name="connsiteX43" fmla="*/ 332181 w 330200"/>
                  <a:gd name="connsiteY43" fmla="*/ 108407 h 279400"/>
                  <a:gd name="connsiteX44" fmla="*/ 290953 w 330200"/>
                  <a:gd name="connsiteY44" fmla="*/ 108407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</a:cxnLst>
                <a:rect l="l" t="t" r="r" b="b"/>
                <a:pathLst>
                  <a:path w="330200" h="279400">
                    <a:moveTo>
                      <a:pt x="290953" y="108407"/>
                    </a:moveTo>
                    <a:lnTo>
                      <a:pt x="290953" y="62679"/>
                    </a:lnTo>
                    <a:lnTo>
                      <a:pt x="332181" y="62679"/>
                    </a:lnTo>
                    <a:lnTo>
                      <a:pt x="332181" y="0"/>
                    </a:lnTo>
                    <a:lnTo>
                      <a:pt x="236989" y="0"/>
                    </a:lnTo>
                    <a:lnTo>
                      <a:pt x="236989" y="25053"/>
                    </a:lnTo>
                    <a:lnTo>
                      <a:pt x="213687" y="25053"/>
                    </a:lnTo>
                    <a:lnTo>
                      <a:pt x="213687" y="0"/>
                    </a:lnTo>
                    <a:lnTo>
                      <a:pt x="118495" y="0"/>
                    </a:lnTo>
                    <a:lnTo>
                      <a:pt x="118495" y="25053"/>
                    </a:lnTo>
                    <a:lnTo>
                      <a:pt x="95192" y="25053"/>
                    </a:lnTo>
                    <a:lnTo>
                      <a:pt x="95192" y="0"/>
                    </a:lnTo>
                    <a:lnTo>
                      <a:pt x="0" y="0"/>
                    </a:lnTo>
                    <a:lnTo>
                      <a:pt x="0" y="62679"/>
                    </a:lnTo>
                    <a:lnTo>
                      <a:pt x="95192" y="62679"/>
                    </a:lnTo>
                    <a:lnTo>
                      <a:pt x="95192" y="37626"/>
                    </a:lnTo>
                    <a:lnTo>
                      <a:pt x="118495" y="37626"/>
                    </a:lnTo>
                    <a:lnTo>
                      <a:pt x="118495" y="62679"/>
                    </a:lnTo>
                    <a:lnTo>
                      <a:pt x="159722" y="62679"/>
                    </a:lnTo>
                    <a:lnTo>
                      <a:pt x="159722" y="108407"/>
                    </a:lnTo>
                    <a:lnTo>
                      <a:pt x="118495" y="108407"/>
                    </a:lnTo>
                    <a:lnTo>
                      <a:pt x="118495" y="170993"/>
                    </a:lnTo>
                    <a:lnTo>
                      <a:pt x="159722" y="170993"/>
                    </a:lnTo>
                    <a:lnTo>
                      <a:pt x="159722" y="216721"/>
                    </a:lnTo>
                    <a:lnTo>
                      <a:pt x="118495" y="216721"/>
                    </a:lnTo>
                    <a:lnTo>
                      <a:pt x="118495" y="279400"/>
                    </a:lnTo>
                    <a:lnTo>
                      <a:pt x="213687" y="279400"/>
                    </a:lnTo>
                    <a:lnTo>
                      <a:pt x="213687" y="216721"/>
                    </a:lnTo>
                    <a:lnTo>
                      <a:pt x="172459" y="216721"/>
                    </a:lnTo>
                    <a:lnTo>
                      <a:pt x="172459" y="170993"/>
                    </a:lnTo>
                    <a:lnTo>
                      <a:pt x="213687" y="170993"/>
                    </a:lnTo>
                    <a:lnTo>
                      <a:pt x="213687" y="108407"/>
                    </a:lnTo>
                    <a:lnTo>
                      <a:pt x="172459" y="108407"/>
                    </a:lnTo>
                    <a:lnTo>
                      <a:pt x="172459" y="62679"/>
                    </a:lnTo>
                    <a:lnTo>
                      <a:pt x="213687" y="62679"/>
                    </a:lnTo>
                    <a:lnTo>
                      <a:pt x="213687" y="37626"/>
                    </a:lnTo>
                    <a:lnTo>
                      <a:pt x="236989" y="37626"/>
                    </a:lnTo>
                    <a:lnTo>
                      <a:pt x="236989" y="62679"/>
                    </a:lnTo>
                    <a:lnTo>
                      <a:pt x="278217" y="62679"/>
                    </a:lnTo>
                    <a:lnTo>
                      <a:pt x="278217" y="108407"/>
                    </a:lnTo>
                    <a:lnTo>
                      <a:pt x="236989" y="108407"/>
                    </a:lnTo>
                    <a:lnTo>
                      <a:pt x="236989" y="170993"/>
                    </a:lnTo>
                    <a:lnTo>
                      <a:pt x="332181" y="170993"/>
                    </a:lnTo>
                    <a:lnTo>
                      <a:pt x="332181" y="108407"/>
                    </a:lnTo>
                    <a:lnTo>
                      <a:pt x="290953" y="108407"/>
                    </a:lnTo>
                    <a:close/>
                  </a:path>
                </a:pathLst>
              </a:custGeom>
              <a:grpFill/>
              <a:ln w="9253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bg1"/>
                  </a:solidFill>
                </a:endParaRPr>
              </a:p>
            </p:txBody>
          </p:sp>
          <p:sp>
            <p:nvSpPr>
              <p:cNvPr id="149" name="Tekstvak 107">
                <a:extLst>
                  <a:ext uri="{FF2B5EF4-FFF2-40B4-BE49-F238E27FC236}">
                    <a16:creationId xmlns="" xmlns:a16="http://schemas.microsoft.com/office/drawing/2014/main" id="{323ACD66-5CEA-4E50-BFA8-0A6CA4E958BE}"/>
                  </a:ext>
                </a:extLst>
              </p:cNvPr>
              <p:cNvSpPr txBox="1"/>
              <p:nvPr/>
            </p:nvSpPr>
            <p:spPr>
              <a:xfrm>
                <a:off x="3416682" y="118662"/>
                <a:ext cx="664094" cy="175435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Карта сайта</a:t>
                </a:r>
              </a:p>
            </p:txBody>
          </p:sp>
        </p:grpSp>
        <p:grpSp>
          <p:nvGrpSpPr>
            <p:cNvPr id="134" name="Groep 162">
              <a:extLst>
                <a:ext uri="{FF2B5EF4-FFF2-40B4-BE49-F238E27FC236}">
                  <a16:creationId xmlns="" xmlns:a16="http://schemas.microsoft.com/office/drawing/2014/main" id="{B36C9D61-36DD-4189-B9A0-BDCC2EFA8215}"/>
                </a:ext>
              </a:extLst>
            </p:cNvPr>
            <p:cNvGrpSpPr/>
            <p:nvPr/>
          </p:nvGrpSpPr>
          <p:grpSpPr>
            <a:xfrm>
              <a:off x="3983440" y="107691"/>
              <a:ext cx="1098711" cy="205629"/>
              <a:chOff x="4325235" y="107691"/>
              <a:chExt cx="1098711" cy="205629"/>
            </a:xfrm>
            <a:grpFill/>
          </p:grpSpPr>
          <p:sp>
            <p:nvSpPr>
              <p:cNvPr id="146" name="Graphic 13">
                <a:extLst>
                  <a:ext uri="{FF2B5EF4-FFF2-40B4-BE49-F238E27FC236}">
                    <a16:creationId xmlns="" xmlns:a16="http://schemas.microsoft.com/office/drawing/2014/main" id="{C50445F4-FF85-41AE-B781-2F8EC1FE745D}"/>
                  </a:ext>
                </a:extLst>
              </p:cNvPr>
              <p:cNvSpPr/>
              <p:nvPr/>
            </p:nvSpPr>
            <p:spPr>
              <a:xfrm>
                <a:off x="4325235" y="107691"/>
                <a:ext cx="217526" cy="205629"/>
              </a:xfrm>
              <a:custGeom>
                <a:avLst/>
                <a:gdLst>
                  <a:gd name="connsiteX0" fmla="*/ 203200 w 295563"/>
                  <a:gd name="connsiteY0" fmla="*/ 254068 h 279400"/>
                  <a:gd name="connsiteX1" fmla="*/ 149537 w 295563"/>
                  <a:gd name="connsiteY1" fmla="*/ 219981 h 279400"/>
                  <a:gd name="connsiteX2" fmla="*/ 96797 w 295563"/>
                  <a:gd name="connsiteY2" fmla="*/ 255372 h 279400"/>
                  <a:gd name="connsiteX3" fmla="*/ 112314 w 295563"/>
                  <a:gd name="connsiteY3" fmla="*/ 193345 h 279400"/>
                  <a:gd name="connsiteX4" fmla="*/ 62253 w 295563"/>
                  <a:gd name="connsiteY4" fmla="*/ 153670 h 279400"/>
                  <a:gd name="connsiteX5" fmla="*/ 125522 w 295563"/>
                  <a:gd name="connsiteY5" fmla="*/ 149479 h 279400"/>
                  <a:gd name="connsiteX6" fmla="*/ 147782 w 295563"/>
                  <a:gd name="connsiteY6" fmla="*/ 89501 h 279400"/>
                  <a:gd name="connsiteX7" fmla="*/ 171150 w 295563"/>
                  <a:gd name="connsiteY7" fmla="*/ 149013 h 279400"/>
                  <a:gd name="connsiteX8" fmla="*/ 234511 w 295563"/>
                  <a:gd name="connsiteY8" fmla="*/ 151714 h 279400"/>
                  <a:gd name="connsiteX9" fmla="*/ 185836 w 295563"/>
                  <a:gd name="connsiteY9" fmla="*/ 192600 h 279400"/>
                  <a:gd name="connsiteX10" fmla="*/ 108435 w 295563"/>
                  <a:gd name="connsiteY10" fmla="*/ 24308 h 279400"/>
                  <a:gd name="connsiteX11" fmla="*/ 192763 w 295563"/>
                  <a:gd name="connsiteY11" fmla="*/ 24308 h 279400"/>
                  <a:gd name="connsiteX12" fmla="*/ 192763 w 295563"/>
                  <a:gd name="connsiteY12" fmla="*/ 60723 h 279400"/>
                  <a:gd name="connsiteX13" fmla="*/ 108435 w 295563"/>
                  <a:gd name="connsiteY13" fmla="*/ 60723 h 279400"/>
                  <a:gd name="connsiteX14" fmla="*/ 228508 w 295563"/>
                  <a:gd name="connsiteY14" fmla="*/ 60723 h 279400"/>
                  <a:gd name="connsiteX15" fmla="*/ 228508 w 295563"/>
                  <a:gd name="connsiteY15" fmla="*/ 0 h 279400"/>
                  <a:gd name="connsiteX16" fmla="*/ 71489 w 295563"/>
                  <a:gd name="connsiteY16" fmla="*/ 0 h 279400"/>
                  <a:gd name="connsiteX17" fmla="*/ 71489 w 295563"/>
                  <a:gd name="connsiteY17" fmla="*/ 60723 h 279400"/>
                  <a:gd name="connsiteX18" fmla="*/ 0 w 295563"/>
                  <a:gd name="connsiteY18" fmla="*/ 60723 h 279400"/>
                  <a:gd name="connsiteX19" fmla="*/ 0 w 295563"/>
                  <a:gd name="connsiteY19" fmla="*/ 279400 h 279400"/>
                  <a:gd name="connsiteX20" fmla="*/ 301198 w 295563"/>
                  <a:gd name="connsiteY20" fmla="*/ 279400 h 279400"/>
                  <a:gd name="connsiteX21" fmla="*/ 301198 w 295563"/>
                  <a:gd name="connsiteY21" fmla="*/ 60723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295563" h="279400">
                    <a:moveTo>
                      <a:pt x="203200" y="254068"/>
                    </a:moveTo>
                    <a:lnTo>
                      <a:pt x="149537" y="219981"/>
                    </a:lnTo>
                    <a:lnTo>
                      <a:pt x="96797" y="255372"/>
                    </a:lnTo>
                    <a:lnTo>
                      <a:pt x="112314" y="193345"/>
                    </a:lnTo>
                    <a:lnTo>
                      <a:pt x="62253" y="153670"/>
                    </a:lnTo>
                    <a:lnTo>
                      <a:pt x="125522" y="149479"/>
                    </a:lnTo>
                    <a:lnTo>
                      <a:pt x="147782" y="89501"/>
                    </a:lnTo>
                    <a:lnTo>
                      <a:pt x="171150" y="149013"/>
                    </a:lnTo>
                    <a:lnTo>
                      <a:pt x="234511" y="151714"/>
                    </a:lnTo>
                    <a:lnTo>
                      <a:pt x="185836" y="192600"/>
                    </a:lnTo>
                    <a:close/>
                    <a:moveTo>
                      <a:pt x="108435" y="24308"/>
                    </a:moveTo>
                    <a:lnTo>
                      <a:pt x="192763" y="24308"/>
                    </a:lnTo>
                    <a:lnTo>
                      <a:pt x="192763" y="60723"/>
                    </a:lnTo>
                    <a:lnTo>
                      <a:pt x="108435" y="60723"/>
                    </a:lnTo>
                    <a:close/>
                    <a:moveTo>
                      <a:pt x="228508" y="60723"/>
                    </a:moveTo>
                    <a:lnTo>
                      <a:pt x="228508" y="0"/>
                    </a:lnTo>
                    <a:lnTo>
                      <a:pt x="71489" y="0"/>
                    </a:lnTo>
                    <a:lnTo>
                      <a:pt x="71489" y="60723"/>
                    </a:lnTo>
                    <a:lnTo>
                      <a:pt x="0" y="60723"/>
                    </a:lnTo>
                    <a:lnTo>
                      <a:pt x="0" y="279400"/>
                    </a:lnTo>
                    <a:lnTo>
                      <a:pt x="301198" y="279400"/>
                    </a:lnTo>
                    <a:lnTo>
                      <a:pt x="301198" y="60723"/>
                    </a:lnTo>
                    <a:close/>
                  </a:path>
                </a:pathLst>
              </a:custGeom>
              <a:grpFill/>
              <a:ln w="9236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bg1"/>
                  </a:solidFill>
                </a:endParaRPr>
              </a:p>
            </p:txBody>
          </p:sp>
          <p:sp>
            <p:nvSpPr>
              <p:cNvPr id="147" name="Tekstvak 103">
                <a:extLst>
                  <a:ext uri="{FF2B5EF4-FFF2-40B4-BE49-F238E27FC236}">
                    <a16:creationId xmlns="" xmlns:a16="http://schemas.microsoft.com/office/drawing/2014/main" id="{F6236EF1-1484-4495-9FAD-52B812298AC2}"/>
                  </a:ext>
                </a:extLst>
              </p:cNvPr>
              <p:cNvSpPr txBox="1"/>
              <p:nvPr/>
            </p:nvSpPr>
            <p:spPr>
              <a:xfrm>
                <a:off x="4667608" y="118662"/>
                <a:ext cx="757094" cy="175435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Ресурсы</a:t>
                </a:r>
              </a:p>
            </p:txBody>
          </p:sp>
        </p:grpSp>
        <p:grpSp>
          <p:nvGrpSpPr>
            <p:cNvPr id="135" name="Groep 87">
              <a:extLst>
                <a:ext uri="{FF2B5EF4-FFF2-40B4-BE49-F238E27FC236}">
                  <a16:creationId xmlns="" xmlns:a16="http://schemas.microsoft.com/office/drawing/2014/main" id="{7FB9A9CD-DCAB-499F-AF5A-FD030A7411EA}"/>
                </a:ext>
              </a:extLst>
            </p:cNvPr>
            <p:cNvGrpSpPr/>
            <p:nvPr userDrawn="1"/>
          </p:nvGrpSpPr>
          <p:grpSpPr>
            <a:xfrm>
              <a:off x="6553463" y="111136"/>
              <a:ext cx="713345" cy="199051"/>
              <a:chOff x="6548096" y="111136"/>
              <a:chExt cx="713345" cy="199051"/>
            </a:xfrm>
            <a:grpFill/>
          </p:grpSpPr>
          <p:grpSp>
            <p:nvGrpSpPr>
              <p:cNvPr id="141" name="Graphic 65">
                <a:extLst>
                  <a:ext uri="{FF2B5EF4-FFF2-40B4-BE49-F238E27FC236}">
                    <a16:creationId xmlns="" xmlns:a16="http://schemas.microsoft.com/office/drawing/2014/main" id="{04A786B9-001B-4781-9662-C1EBF3493A33}"/>
                  </a:ext>
                </a:extLst>
              </p:cNvPr>
              <p:cNvGrpSpPr/>
              <p:nvPr userDrawn="1"/>
            </p:nvGrpSpPr>
            <p:grpSpPr>
              <a:xfrm>
                <a:off x="6548096" y="111136"/>
                <a:ext cx="168242" cy="199051"/>
                <a:chOff x="4051975" y="3289300"/>
                <a:chExt cx="228600" cy="270460"/>
              </a:xfrm>
              <a:grpFill/>
            </p:grpSpPr>
            <p:sp>
              <p:nvSpPr>
                <p:cNvPr id="143" name="Vrije vorm 95">
                  <a:extLst>
                    <a:ext uri="{FF2B5EF4-FFF2-40B4-BE49-F238E27FC236}">
                      <a16:creationId xmlns="" xmlns:a16="http://schemas.microsoft.com/office/drawing/2014/main" id="{9B65E310-CC6A-49EB-86EE-16797F639BB7}"/>
                    </a:ext>
                  </a:extLst>
                </p:cNvPr>
                <p:cNvSpPr/>
                <p:nvPr userDrawn="1"/>
              </p:nvSpPr>
              <p:spPr>
                <a:xfrm>
                  <a:off x="4051975" y="3401433"/>
                  <a:ext cx="228600" cy="158327"/>
                </a:xfrm>
                <a:custGeom>
                  <a:avLst/>
                  <a:gdLst>
                    <a:gd name="connsiteX0" fmla="*/ 210952 w 228600"/>
                    <a:gd name="connsiteY0" fmla="*/ 167267 h 158326"/>
                    <a:gd name="connsiteX1" fmla="*/ 18197 w 228600"/>
                    <a:gd name="connsiteY1" fmla="*/ 167267 h 158326"/>
                    <a:gd name="connsiteX2" fmla="*/ 50932 w 228600"/>
                    <a:gd name="connsiteY2" fmla="*/ 101795 h 158326"/>
                    <a:gd name="connsiteX3" fmla="*/ 0 w 228600"/>
                    <a:gd name="connsiteY3" fmla="*/ 0 h 158326"/>
                    <a:gd name="connsiteX4" fmla="*/ 229149 w 228600"/>
                    <a:gd name="connsiteY4" fmla="*/ 0 h 158326"/>
                    <a:gd name="connsiteX5" fmla="*/ 178308 w 228600"/>
                    <a:gd name="connsiteY5" fmla="*/ 101236 h 158326"/>
                    <a:gd name="connsiteX6" fmla="*/ 210952 w 228600"/>
                    <a:gd name="connsiteY6" fmla="*/ 167267 h 15832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</a:cxnLst>
                  <a:rect l="l" t="t" r="r" b="b"/>
                  <a:pathLst>
                    <a:path w="228600" h="158326">
                      <a:moveTo>
                        <a:pt x="210952" y="167267"/>
                      </a:moveTo>
                      <a:lnTo>
                        <a:pt x="18197" y="167267"/>
                      </a:lnTo>
                      <a:lnTo>
                        <a:pt x="50932" y="101795"/>
                      </a:lnTo>
                      <a:lnTo>
                        <a:pt x="0" y="0"/>
                      </a:lnTo>
                      <a:lnTo>
                        <a:pt x="229149" y="0"/>
                      </a:lnTo>
                      <a:lnTo>
                        <a:pt x="178308" y="101236"/>
                      </a:lnTo>
                      <a:lnTo>
                        <a:pt x="210952" y="167267"/>
                      </a:lnTo>
                      <a:close/>
                    </a:path>
                  </a:pathLst>
                </a:custGeom>
                <a:grpFill/>
                <a:ln w="914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>
                    <a:solidFill>
                      <a:schemeClr val="bg1"/>
                    </a:solidFill>
                  </a:endParaRPr>
                </a:p>
              </p:txBody>
            </p:sp>
            <p:sp>
              <p:nvSpPr>
                <p:cNvPr id="144" name="Vrije vorm 96">
                  <a:extLst>
                    <a:ext uri="{FF2B5EF4-FFF2-40B4-BE49-F238E27FC236}">
                      <a16:creationId xmlns="" xmlns:a16="http://schemas.microsoft.com/office/drawing/2014/main" id="{84B71CFA-A35E-444D-8001-08F6BB78128F}"/>
                    </a:ext>
                  </a:extLst>
                </p:cNvPr>
                <p:cNvSpPr/>
                <p:nvPr userDrawn="1"/>
              </p:nvSpPr>
              <p:spPr>
                <a:xfrm>
                  <a:off x="4194255" y="3312304"/>
                  <a:ext cx="36576" cy="65193"/>
                </a:xfrm>
                <a:custGeom>
                  <a:avLst/>
                  <a:gdLst>
                    <a:gd name="connsiteX0" fmla="*/ 22311 w 36576"/>
                    <a:gd name="connsiteY0" fmla="*/ 0 h 65193"/>
                    <a:gd name="connsiteX1" fmla="*/ 44257 w 36576"/>
                    <a:gd name="connsiteY1" fmla="*/ 0 h 65193"/>
                    <a:gd name="connsiteX2" fmla="*/ 21854 w 36576"/>
                    <a:gd name="connsiteY2" fmla="*/ 66870 h 65193"/>
                    <a:gd name="connsiteX3" fmla="*/ 0 w 36576"/>
                    <a:gd name="connsiteY3" fmla="*/ 66870 h 65193"/>
                    <a:gd name="connsiteX4" fmla="*/ 22311 w 36576"/>
                    <a:gd name="connsiteY4" fmla="*/ 0 h 6519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36576" h="65193">
                      <a:moveTo>
                        <a:pt x="22311" y="0"/>
                      </a:moveTo>
                      <a:lnTo>
                        <a:pt x="44257" y="0"/>
                      </a:lnTo>
                      <a:lnTo>
                        <a:pt x="21854" y="66870"/>
                      </a:lnTo>
                      <a:lnTo>
                        <a:pt x="0" y="66870"/>
                      </a:lnTo>
                      <a:lnTo>
                        <a:pt x="22311" y="0"/>
                      </a:lnTo>
                      <a:close/>
                    </a:path>
                  </a:pathLst>
                </a:custGeom>
                <a:grpFill/>
                <a:ln w="914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>
                    <a:solidFill>
                      <a:schemeClr val="bg1"/>
                    </a:solidFill>
                  </a:endParaRPr>
                </a:p>
              </p:txBody>
            </p:sp>
            <p:sp>
              <p:nvSpPr>
                <p:cNvPr id="145" name="Vrije vorm 97">
                  <a:extLst>
                    <a:ext uri="{FF2B5EF4-FFF2-40B4-BE49-F238E27FC236}">
                      <a16:creationId xmlns="" xmlns:a16="http://schemas.microsoft.com/office/drawing/2014/main" id="{C72B5748-5648-4DC9-90B8-CA3C2270C989}"/>
                    </a:ext>
                  </a:extLst>
                </p:cNvPr>
                <p:cNvSpPr/>
                <p:nvPr userDrawn="1"/>
              </p:nvSpPr>
              <p:spPr>
                <a:xfrm>
                  <a:off x="4202396" y="3289300"/>
                  <a:ext cx="45719" cy="46567"/>
                </a:xfrm>
                <a:custGeom>
                  <a:avLst/>
                  <a:gdLst>
                    <a:gd name="connsiteX0" fmla="*/ 49377 w 45720"/>
                    <a:gd name="connsiteY0" fmla="*/ 25053 h 46566"/>
                    <a:gd name="connsiteX1" fmla="*/ 24780 w 45720"/>
                    <a:gd name="connsiteY1" fmla="*/ 50292 h 46566"/>
                    <a:gd name="connsiteX2" fmla="*/ 0 w 45720"/>
                    <a:gd name="connsiteY2" fmla="*/ 25239 h 46566"/>
                    <a:gd name="connsiteX3" fmla="*/ 24597 w 45720"/>
                    <a:gd name="connsiteY3" fmla="*/ 0 h 46566"/>
                    <a:gd name="connsiteX4" fmla="*/ 24689 w 45720"/>
                    <a:gd name="connsiteY4" fmla="*/ 0 h 46566"/>
                    <a:gd name="connsiteX5" fmla="*/ 49377 w 45720"/>
                    <a:gd name="connsiteY5" fmla="*/ 25053 h 4656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</a:cxnLst>
                  <a:rect l="l" t="t" r="r" b="b"/>
                  <a:pathLst>
                    <a:path w="45720" h="46566">
                      <a:moveTo>
                        <a:pt x="49377" y="25053"/>
                      </a:moveTo>
                      <a:cubicBezTo>
                        <a:pt x="49428" y="38941"/>
                        <a:pt x="38415" y="50240"/>
                        <a:pt x="24780" y="50292"/>
                      </a:cubicBezTo>
                      <a:cubicBezTo>
                        <a:pt x="11145" y="50343"/>
                        <a:pt x="51" y="39127"/>
                        <a:pt x="0" y="25239"/>
                      </a:cubicBezTo>
                      <a:cubicBezTo>
                        <a:pt x="-50" y="11351"/>
                        <a:pt x="10962" y="52"/>
                        <a:pt x="24597" y="0"/>
                      </a:cubicBezTo>
                      <a:cubicBezTo>
                        <a:pt x="24628" y="0"/>
                        <a:pt x="24658" y="0"/>
                        <a:pt x="24689" y="0"/>
                      </a:cubicBezTo>
                      <a:cubicBezTo>
                        <a:pt x="38288" y="0"/>
                        <a:pt x="49327" y="11201"/>
                        <a:pt x="49377" y="25053"/>
                      </a:cubicBezTo>
                    </a:path>
                  </a:pathLst>
                </a:custGeom>
                <a:grpFill/>
                <a:ln w="914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>
                    <a:solidFill>
                      <a:schemeClr val="bg1"/>
                    </a:solidFill>
                  </a:endParaRPr>
                </a:p>
              </p:txBody>
            </p:sp>
          </p:grpSp>
          <p:sp>
            <p:nvSpPr>
              <p:cNvPr id="142" name="Tekstvak 94">
                <a:extLst>
                  <a:ext uri="{FF2B5EF4-FFF2-40B4-BE49-F238E27FC236}">
                    <a16:creationId xmlns="" xmlns:a16="http://schemas.microsoft.com/office/drawing/2014/main" id="{176E31D4-46F1-4F41-BB27-E7C0A496F507}"/>
                  </a:ext>
                </a:extLst>
              </p:cNvPr>
              <p:cNvSpPr txBox="1"/>
              <p:nvPr userDrawn="1"/>
            </p:nvSpPr>
            <p:spPr>
              <a:xfrm>
                <a:off x="6837309" y="118662"/>
                <a:ext cx="424556" cy="175435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ИМП</a:t>
                </a:r>
                <a:endParaRPr lang="nl-NL" sz="1150" b="0" i="0">
                  <a:solidFill>
                    <a:schemeClr val="bg1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</p:grpSp>
        <p:grpSp>
          <p:nvGrpSpPr>
            <p:cNvPr id="136" name="Groep 88">
              <a:extLst>
                <a:ext uri="{FF2B5EF4-FFF2-40B4-BE49-F238E27FC236}">
                  <a16:creationId xmlns="" xmlns:a16="http://schemas.microsoft.com/office/drawing/2014/main" id="{AB7E8AF2-E77B-4497-86AB-0745C0D7528B}"/>
                </a:ext>
              </a:extLst>
            </p:cNvPr>
            <p:cNvGrpSpPr/>
            <p:nvPr userDrawn="1"/>
          </p:nvGrpSpPr>
          <p:grpSpPr>
            <a:xfrm>
              <a:off x="7540292" y="108444"/>
              <a:ext cx="987532" cy="204121"/>
              <a:chOff x="7534925" y="108444"/>
              <a:chExt cx="987532" cy="204121"/>
            </a:xfrm>
            <a:grpFill/>
          </p:grpSpPr>
          <p:grpSp>
            <p:nvGrpSpPr>
              <p:cNvPr id="137" name="Graphic 74">
                <a:extLst>
                  <a:ext uri="{FF2B5EF4-FFF2-40B4-BE49-F238E27FC236}">
                    <a16:creationId xmlns="" xmlns:a16="http://schemas.microsoft.com/office/drawing/2014/main" id="{6CB3594E-F546-4A1B-AB58-F8D626177658}"/>
                  </a:ext>
                </a:extLst>
              </p:cNvPr>
              <p:cNvGrpSpPr/>
              <p:nvPr userDrawn="1"/>
            </p:nvGrpSpPr>
            <p:grpSpPr>
              <a:xfrm>
                <a:off x="7534925" y="108444"/>
                <a:ext cx="188077" cy="204121"/>
                <a:chOff x="4107505" y="3289300"/>
                <a:chExt cx="255549" cy="277351"/>
              </a:xfrm>
              <a:grpFill/>
            </p:grpSpPr>
            <p:sp>
              <p:nvSpPr>
                <p:cNvPr id="139" name="Vrije vorm 91">
                  <a:extLst>
                    <a:ext uri="{FF2B5EF4-FFF2-40B4-BE49-F238E27FC236}">
                      <a16:creationId xmlns="" xmlns:a16="http://schemas.microsoft.com/office/drawing/2014/main" id="{A5204C5E-8258-43AC-862A-660C8488AA9D}"/>
                    </a:ext>
                  </a:extLst>
                </p:cNvPr>
                <p:cNvSpPr/>
                <p:nvPr userDrawn="1"/>
              </p:nvSpPr>
              <p:spPr>
                <a:xfrm>
                  <a:off x="4137273" y="3289300"/>
                  <a:ext cx="225781" cy="223520"/>
                </a:xfrm>
                <a:custGeom>
                  <a:avLst/>
                  <a:gdLst>
                    <a:gd name="connsiteX0" fmla="*/ 72437 w 225777"/>
                    <a:gd name="connsiteY0" fmla="*/ 230319 h 223520"/>
                    <a:gd name="connsiteX1" fmla="*/ 0 w 225777"/>
                    <a:gd name="connsiteY1" fmla="*/ 165964 h 223520"/>
                    <a:gd name="connsiteX2" fmla="*/ 0 w 225777"/>
                    <a:gd name="connsiteY2" fmla="*/ 165964 h 223520"/>
                    <a:gd name="connsiteX3" fmla="*/ 28504 w 225777"/>
                    <a:gd name="connsiteY3" fmla="*/ 127500 h 223520"/>
                    <a:gd name="connsiteX4" fmla="*/ 68580 w 225777"/>
                    <a:gd name="connsiteY4" fmla="*/ 183566 h 223520"/>
                    <a:gd name="connsiteX5" fmla="*/ 190688 w 225777"/>
                    <a:gd name="connsiteY5" fmla="*/ 0 h 223520"/>
                    <a:gd name="connsiteX6" fmla="*/ 226060 w 225777"/>
                    <a:gd name="connsiteY6" fmla="*/ 24028 h 223520"/>
                    <a:gd name="connsiteX7" fmla="*/ 72437 w 225777"/>
                    <a:gd name="connsiteY7" fmla="*/ 230319 h 22352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</a:cxnLst>
                  <a:rect l="l" t="t" r="r" b="b"/>
                  <a:pathLst>
                    <a:path w="225777" h="223520">
                      <a:moveTo>
                        <a:pt x="72437" y="230319"/>
                      </a:moveTo>
                      <a:lnTo>
                        <a:pt x="0" y="165964"/>
                      </a:lnTo>
                      <a:lnTo>
                        <a:pt x="0" y="165964"/>
                      </a:lnTo>
                      <a:lnTo>
                        <a:pt x="28504" y="127500"/>
                      </a:lnTo>
                      <a:lnTo>
                        <a:pt x="68580" y="183566"/>
                      </a:lnTo>
                      <a:lnTo>
                        <a:pt x="190688" y="0"/>
                      </a:lnTo>
                      <a:lnTo>
                        <a:pt x="226060" y="24028"/>
                      </a:lnTo>
                      <a:lnTo>
                        <a:pt x="72437" y="230319"/>
                      </a:lnTo>
                      <a:close/>
                    </a:path>
                  </a:pathLst>
                </a:custGeom>
                <a:grpFill/>
                <a:ln w="9172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>
                    <a:solidFill>
                      <a:schemeClr val="bg1"/>
                    </a:solidFill>
                  </a:endParaRPr>
                </a:p>
              </p:txBody>
            </p:sp>
            <p:sp>
              <p:nvSpPr>
                <p:cNvPr id="140" name="Vrije vorm 92">
                  <a:extLst>
                    <a:ext uri="{FF2B5EF4-FFF2-40B4-BE49-F238E27FC236}">
                      <a16:creationId xmlns="" xmlns:a16="http://schemas.microsoft.com/office/drawing/2014/main" id="{81D7B122-F4BB-4A91-B7F1-BC1D34F01287}"/>
                    </a:ext>
                  </a:extLst>
                </p:cNvPr>
                <p:cNvSpPr/>
                <p:nvPr userDrawn="1"/>
              </p:nvSpPr>
              <p:spPr>
                <a:xfrm>
                  <a:off x="4107505" y="3296564"/>
                  <a:ext cx="225779" cy="270087"/>
                </a:xfrm>
                <a:custGeom>
                  <a:avLst/>
                  <a:gdLst>
                    <a:gd name="connsiteX0" fmla="*/ 229070 w 225777"/>
                    <a:gd name="connsiteY0" fmla="*/ 272136 h 270086"/>
                    <a:gd name="connsiteX1" fmla="*/ 0 w 225777"/>
                    <a:gd name="connsiteY1" fmla="*/ 272136 h 270086"/>
                    <a:gd name="connsiteX2" fmla="*/ 0 w 225777"/>
                    <a:gd name="connsiteY2" fmla="*/ 0 h 270086"/>
                    <a:gd name="connsiteX3" fmla="*/ 187960 w 225777"/>
                    <a:gd name="connsiteY3" fmla="*/ 0 h 270086"/>
                    <a:gd name="connsiteX4" fmla="*/ 172720 w 225777"/>
                    <a:gd name="connsiteY4" fmla="*/ 22631 h 270086"/>
                    <a:gd name="connsiteX5" fmla="*/ 22954 w 225777"/>
                    <a:gd name="connsiteY5" fmla="*/ 22631 h 270086"/>
                    <a:gd name="connsiteX6" fmla="*/ 22954 w 225777"/>
                    <a:gd name="connsiteY6" fmla="*/ 249504 h 270086"/>
                    <a:gd name="connsiteX7" fmla="*/ 206210 w 225777"/>
                    <a:gd name="connsiteY7" fmla="*/ 249504 h 270086"/>
                    <a:gd name="connsiteX8" fmla="*/ 206210 w 225777"/>
                    <a:gd name="connsiteY8" fmla="*/ 139886 h 270086"/>
                    <a:gd name="connsiteX9" fmla="*/ 229070 w 225777"/>
                    <a:gd name="connsiteY9" fmla="*/ 107755 h 270086"/>
                    <a:gd name="connsiteX10" fmla="*/ 229070 w 225777"/>
                    <a:gd name="connsiteY10" fmla="*/ 272136 h 27008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</a:cxnLst>
                  <a:rect l="l" t="t" r="r" b="b"/>
                  <a:pathLst>
                    <a:path w="225777" h="270086">
                      <a:moveTo>
                        <a:pt x="229070" y="272136"/>
                      </a:moveTo>
                      <a:lnTo>
                        <a:pt x="0" y="272136"/>
                      </a:lnTo>
                      <a:lnTo>
                        <a:pt x="0" y="0"/>
                      </a:lnTo>
                      <a:lnTo>
                        <a:pt x="187960" y="0"/>
                      </a:lnTo>
                      <a:lnTo>
                        <a:pt x="172720" y="22631"/>
                      </a:lnTo>
                      <a:lnTo>
                        <a:pt x="22954" y="22631"/>
                      </a:lnTo>
                      <a:lnTo>
                        <a:pt x="22954" y="249504"/>
                      </a:lnTo>
                      <a:lnTo>
                        <a:pt x="206210" y="249504"/>
                      </a:lnTo>
                      <a:lnTo>
                        <a:pt x="206210" y="139886"/>
                      </a:lnTo>
                      <a:lnTo>
                        <a:pt x="229070" y="107755"/>
                      </a:lnTo>
                      <a:lnTo>
                        <a:pt x="229070" y="272136"/>
                      </a:lnTo>
                      <a:close/>
                    </a:path>
                  </a:pathLst>
                </a:custGeom>
                <a:grpFill/>
                <a:ln w="9172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>
                    <a:solidFill>
                      <a:schemeClr val="bg1"/>
                    </a:solidFill>
                  </a:endParaRPr>
                </a:p>
              </p:txBody>
            </p:sp>
          </p:grpSp>
          <p:sp>
            <p:nvSpPr>
              <p:cNvPr id="138" name="Tekstvak 90">
                <a:extLst>
                  <a:ext uri="{FF2B5EF4-FFF2-40B4-BE49-F238E27FC236}">
                    <a16:creationId xmlns="" xmlns:a16="http://schemas.microsoft.com/office/drawing/2014/main" id="{4CAF30DD-BD48-47A9-848A-F4185FC60B1C}"/>
                  </a:ext>
                </a:extLst>
              </p:cNvPr>
              <p:cNvSpPr txBox="1"/>
              <p:nvPr userDrawn="1"/>
            </p:nvSpPr>
            <p:spPr>
              <a:xfrm>
                <a:off x="7842734" y="118662"/>
                <a:ext cx="680404" cy="175435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Резюме</a:t>
                </a:r>
              </a:p>
            </p:txBody>
          </p:sp>
        </p:grpSp>
      </p:grpSp>
      <p:pic>
        <p:nvPicPr>
          <p:cNvPr id="75" name="Afbeelding 74">
            <a:extLst>
              <a:ext uri="{FF2B5EF4-FFF2-40B4-BE49-F238E27FC236}">
                <a16:creationId xmlns="" xmlns:a16="http://schemas.microsoft.com/office/drawing/2014/main" id="{14315495-DBE6-A747-A9F3-91AEBDD53DC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 r="86352"/>
          <a:stretch>
            <a:fillRect/>
          </a:stretch>
        </p:blipFill>
        <p:spPr>
          <a:xfrm>
            <a:off x="0" y="0"/>
            <a:ext cx="1664019" cy="6858000"/>
          </a:xfrm>
          <a:prstGeom prst="rect">
            <a:avLst/>
          </a:prstGeom>
        </p:spPr>
      </p:pic>
      <p:sp>
        <p:nvSpPr>
          <p:cNvPr id="103" name="Vrije vorm 101">
            <a:extLst>
              <a:ext uri="{FF2B5EF4-FFF2-40B4-BE49-F238E27FC236}">
                <a16:creationId xmlns="" xmlns:a16="http://schemas.microsoft.com/office/drawing/2014/main" id="{2B9F022D-BED9-4036-8DA1-5103A6970C43}"/>
              </a:ext>
            </a:extLst>
          </p:cNvPr>
          <p:cNvSpPr/>
          <p:nvPr userDrawn="1"/>
        </p:nvSpPr>
        <p:spPr>
          <a:xfrm>
            <a:off x="6934845" y="107692"/>
            <a:ext cx="252363" cy="205629"/>
          </a:xfrm>
          <a:custGeom>
            <a:avLst/>
            <a:gdLst>
              <a:gd name="connsiteX0" fmla="*/ 0 w 257175"/>
              <a:gd name="connsiteY0" fmla="*/ 0 h 279400"/>
              <a:gd name="connsiteX1" fmla="*/ 0 w 257175"/>
              <a:gd name="connsiteY1" fmla="*/ 279400 h 279400"/>
              <a:gd name="connsiteX2" fmla="*/ 262890 w 257175"/>
              <a:gd name="connsiteY2" fmla="*/ 279400 h 279400"/>
              <a:gd name="connsiteX3" fmla="*/ 262890 w 257175"/>
              <a:gd name="connsiteY3" fmla="*/ 0 h 279400"/>
              <a:gd name="connsiteX4" fmla="*/ 240030 w 257175"/>
              <a:gd name="connsiteY4" fmla="*/ 257048 h 279400"/>
              <a:gd name="connsiteX5" fmla="*/ 194310 w 257175"/>
              <a:gd name="connsiteY5" fmla="*/ 257048 h 279400"/>
              <a:gd name="connsiteX6" fmla="*/ 194310 w 257175"/>
              <a:gd name="connsiteY6" fmla="*/ 167640 h 279400"/>
              <a:gd name="connsiteX7" fmla="*/ 170783 w 257175"/>
              <a:gd name="connsiteY7" fmla="*/ 145288 h 279400"/>
              <a:gd name="connsiteX8" fmla="*/ 92869 w 257175"/>
              <a:gd name="connsiteY8" fmla="*/ 145288 h 279400"/>
              <a:gd name="connsiteX9" fmla="*/ 68580 w 257175"/>
              <a:gd name="connsiteY9" fmla="*/ 167640 h 279400"/>
              <a:gd name="connsiteX10" fmla="*/ 68580 w 257175"/>
              <a:gd name="connsiteY10" fmla="*/ 257048 h 279400"/>
              <a:gd name="connsiteX11" fmla="*/ 22860 w 257175"/>
              <a:gd name="connsiteY11" fmla="*/ 257048 h 279400"/>
              <a:gd name="connsiteX12" fmla="*/ 22860 w 257175"/>
              <a:gd name="connsiteY12" fmla="*/ 22352 h 279400"/>
              <a:gd name="connsiteX13" fmla="*/ 240030 w 257175"/>
              <a:gd name="connsiteY13" fmla="*/ 22352 h 279400"/>
              <a:gd name="connsiteX14" fmla="*/ 240030 w 257175"/>
              <a:gd name="connsiteY14" fmla="*/ 257048 h 279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257175" h="279400">
                <a:moveTo>
                  <a:pt x="0" y="0"/>
                </a:moveTo>
                <a:lnTo>
                  <a:pt x="0" y="279400"/>
                </a:lnTo>
                <a:lnTo>
                  <a:pt x="262890" y="279400"/>
                </a:lnTo>
                <a:lnTo>
                  <a:pt x="262890" y="0"/>
                </a:lnTo>
                <a:close/>
                <a:moveTo>
                  <a:pt x="240030" y="257048"/>
                </a:moveTo>
                <a:lnTo>
                  <a:pt x="194310" y="257048"/>
                </a:lnTo>
                <a:lnTo>
                  <a:pt x="194310" y="167640"/>
                </a:lnTo>
                <a:cubicBezTo>
                  <a:pt x="193999" y="155169"/>
                  <a:pt x="183541" y="145234"/>
                  <a:pt x="170783" y="145288"/>
                </a:cubicBezTo>
                <a:lnTo>
                  <a:pt x="92869" y="145288"/>
                </a:lnTo>
                <a:cubicBezTo>
                  <a:pt x="79955" y="145172"/>
                  <a:pt x="69243" y="155029"/>
                  <a:pt x="68580" y="167640"/>
                </a:cubicBezTo>
                <a:lnTo>
                  <a:pt x="68580" y="257048"/>
                </a:lnTo>
                <a:lnTo>
                  <a:pt x="22860" y="257048"/>
                </a:lnTo>
                <a:lnTo>
                  <a:pt x="22860" y="22352"/>
                </a:lnTo>
                <a:lnTo>
                  <a:pt x="240030" y="22352"/>
                </a:lnTo>
                <a:lnTo>
                  <a:pt x="240030" y="257048"/>
                </a:lnTo>
                <a:close/>
              </a:path>
            </a:pathLst>
          </a:custGeom>
          <a:solidFill>
            <a:schemeClr val="bg2"/>
          </a:solidFill>
          <a:ln w="9525" cap="flat">
            <a:solidFill>
              <a:schemeClr val="bg2"/>
            </a:solidFill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05" name="Tekstvak 99">
            <a:extLst>
              <a:ext uri="{FF2B5EF4-FFF2-40B4-BE49-F238E27FC236}">
                <a16:creationId xmlns="" xmlns:a16="http://schemas.microsoft.com/office/drawing/2014/main" id="{739B3949-CCBA-487E-A634-9DD40A5815EA}"/>
              </a:ext>
            </a:extLst>
          </p:cNvPr>
          <p:cNvSpPr txBox="1"/>
          <p:nvPr userDrawn="1"/>
        </p:nvSpPr>
        <p:spPr>
          <a:xfrm>
            <a:off x="7353495" y="30945"/>
            <a:ext cx="1364074" cy="350871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ru-RU" sz="1150" b="0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Клинические случаи </a:t>
            </a:r>
          </a:p>
        </p:txBody>
      </p:sp>
      <p:sp>
        <p:nvSpPr>
          <p:cNvPr id="107" name="Oval 106">
            <a:extLst>
              <a:ext uri="{FF2B5EF4-FFF2-40B4-BE49-F238E27FC236}">
                <a16:creationId xmlns="" xmlns:a16="http://schemas.microsoft.com/office/drawing/2014/main" id="{4F762873-DA3D-47CD-87F6-4F047CB43515}"/>
              </a:ext>
            </a:extLst>
          </p:cNvPr>
          <p:cNvSpPr/>
          <p:nvPr userDrawn="1"/>
        </p:nvSpPr>
        <p:spPr>
          <a:xfrm>
            <a:off x="7036401" y="149326"/>
            <a:ext cx="60959" cy="45719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900">
              <a:solidFill>
                <a:schemeClr val="tx1"/>
              </a:solidFill>
            </a:endParaRPr>
          </a:p>
        </p:txBody>
      </p:sp>
      <p:grpSp>
        <p:nvGrpSpPr>
          <p:cNvPr id="259" name="Groep 177">
            <a:extLst>
              <a:ext uri="{FF2B5EF4-FFF2-40B4-BE49-F238E27FC236}">
                <a16:creationId xmlns="" xmlns:a16="http://schemas.microsoft.com/office/drawing/2014/main" id="{6D448374-E9B0-4850-BECE-D54CF5886336}"/>
              </a:ext>
            </a:extLst>
          </p:cNvPr>
          <p:cNvGrpSpPr/>
          <p:nvPr userDrawn="1"/>
        </p:nvGrpSpPr>
        <p:grpSpPr>
          <a:xfrm>
            <a:off x="2136939" y="6458731"/>
            <a:ext cx="1478157" cy="199392"/>
            <a:chOff x="693440" y="6458731"/>
            <a:chExt cx="1108618" cy="199392"/>
          </a:xfrm>
        </p:grpSpPr>
        <p:grpSp>
          <p:nvGrpSpPr>
            <p:cNvPr id="260" name="Graphic 38">
              <a:extLst>
                <a:ext uri="{FF2B5EF4-FFF2-40B4-BE49-F238E27FC236}">
                  <a16:creationId xmlns="" xmlns:a16="http://schemas.microsoft.com/office/drawing/2014/main" id="{F9EDE4EF-4EF7-482D-99DD-C74647D68172}"/>
                </a:ext>
              </a:extLst>
            </p:cNvPr>
            <p:cNvGrpSpPr/>
            <p:nvPr/>
          </p:nvGrpSpPr>
          <p:grpSpPr>
            <a:xfrm>
              <a:off x="693440" y="6458731"/>
              <a:ext cx="179970" cy="199392"/>
              <a:chOff x="4445000" y="3289300"/>
              <a:chExt cx="244535" cy="270925"/>
            </a:xfrm>
            <a:solidFill>
              <a:schemeClr val="tx1"/>
            </a:solidFill>
          </p:grpSpPr>
          <p:sp>
            <p:nvSpPr>
              <p:cNvPr id="262" name="Vrije vorm 194">
                <a:extLst>
                  <a:ext uri="{FF2B5EF4-FFF2-40B4-BE49-F238E27FC236}">
                    <a16:creationId xmlns="" xmlns:a16="http://schemas.microsoft.com/office/drawing/2014/main" id="{94B45C75-B159-4930-B05A-F758F3A0761B}"/>
                  </a:ext>
                </a:extLst>
              </p:cNvPr>
              <p:cNvSpPr/>
              <p:nvPr/>
            </p:nvSpPr>
            <p:spPr>
              <a:xfrm>
                <a:off x="4445000" y="3532285"/>
                <a:ext cx="56444" cy="27940"/>
              </a:xfrm>
              <a:custGeom>
                <a:avLst/>
                <a:gdLst>
                  <a:gd name="connsiteX0" fmla="*/ 0 w 56444"/>
                  <a:gd name="connsiteY0" fmla="*/ 0 h 27940"/>
                  <a:gd name="connsiteX1" fmla="*/ 61336 w 56444"/>
                  <a:gd name="connsiteY1" fmla="*/ 0 h 27940"/>
                  <a:gd name="connsiteX2" fmla="*/ 61336 w 56444"/>
                  <a:gd name="connsiteY2" fmla="*/ 36415 h 27940"/>
                  <a:gd name="connsiteX3" fmla="*/ 0 w 56444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27940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63" name="Vrije vorm 195">
                <a:extLst>
                  <a:ext uri="{FF2B5EF4-FFF2-40B4-BE49-F238E27FC236}">
                    <a16:creationId xmlns="" xmlns:a16="http://schemas.microsoft.com/office/drawing/2014/main" id="{A154E37D-2378-481A-B765-72E1ED538611}"/>
                  </a:ext>
                </a:extLst>
              </p:cNvPr>
              <p:cNvSpPr/>
              <p:nvPr/>
            </p:nvSpPr>
            <p:spPr>
              <a:xfrm>
                <a:off x="4445000" y="3495777"/>
                <a:ext cx="56444" cy="18627"/>
              </a:xfrm>
              <a:custGeom>
                <a:avLst/>
                <a:gdLst>
                  <a:gd name="connsiteX0" fmla="*/ 0 w 56444"/>
                  <a:gd name="connsiteY0" fmla="*/ 0 h 18626"/>
                  <a:gd name="connsiteX1" fmla="*/ 61336 w 56444"/>
                  <a:gd name="connsiteY1" fmla="*/ 0 h 18626"/>
                  <a:gd name="connsiteX2" fmla="*/ 61336 w 56444"/>
                  <a:gd name="connsiteY2" fmla="*/ 24308 h 18626"/>
                  <a:gd name="connsiteX3" fmla="*/ 0 w 56444"/>
                  <a:gd name="connsiteY3" fmla="*/ 24308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1862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24308"/>
                    </a:lnTo>
                    <a:lnTo>
                      <a:pt x="0" y="24308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64" name="Vrije vorm 196">
                <a:extLst>
                  <a:ext uri="{FF2B5EF4-FFF2-40B4-BE49-F238E27FC236}">
                    <a16:creationId xmlns="" xmlns:a16="http://schemas.microsoft.com/office/drawing/2014/main" id="{09DEFB5E-F817-4808-8522-A46ED2DC141F}"/>
                  </a:ext>
                </a:extLst>
              </p:cNvPr>
              <p:cNvSpPr/>
              <p:nvPr/>
            </p:nvSpPr>
            <p:spPr>
              <a:xfrm>
                <a:off x="4445000" y="3374331"/>
                <a:ext cx="56444" cy="102447"/>
              </a:xfrm>
              <a:custGeom>
                <a:avLst/>
                <a:gdLst>
                  <a:gd name="connsiteX0" fmla="*/ 0 w 56444"/>
                  <a:gd name="connsiteY0" fmla="*/ 0 h 102446"/>
                  <a:gd name="connsiteX1" fmla="*/ 61336 w 56444"/>
                  <a:gd name="connsiteY1" fmla="*/ 0 h 102446"/>
                  <a:gd name="connsiteX2" fmla="*/ 61336 w 56444"/>
                  <a:gd name="connsiteY2" fmla="*/ 109339 h 102446"/>
                  <a:gd name="connsiteX3" fmla="*/ 0 w 56444"/>
                  <a:gd name="connsiteY3" fmla="*/ 109339 h 10244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10244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109339"/>
                    </a:lnTo>
                    <a:lnTo>
                      <a:pt x="0" y="109339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65" name="Vrije vorm 197">
                <a:extLst>
                  <a:ext uri="{FF2B5EF4-FFF2-40B4-BE49-F238E27FC236}">
                    <a16:creationId xmlns="" xmlns:a16="http://schemas.microsoft.com/office/drawing/2014/main" id="{D2D9DB97-B62A-465C-A806-7C5DE98ED913}"/>
                  </a:ext>
                </a:extLst>
              </p:cNvPr>
              <p:cNvSpPr/>
              <p:nvPr/>
            </p:nvSpPr>
            <p:spPr>
              <a:xfrm>
                <a:off x="4445000" y="3313608"/>
                <a:ext cx="56444" cy="46567"/>
              </a:xfrm>
              <a:custGeom>
                <a:avLst/>
                <a:gdLst>
                  <a:gd name="connsiteX0" fmla="*/ 0 w 56444"/>
                  <a:gd name="connsiteY0" fmla="*/ 0 h 46566"/>
                  <a:gd name="connsiteX1" fmla="*/ 61336 w 56444"/>
                  <a:gd name="connsiteY1" fmla="*/ 0 h 46566"/>
                  <a:gd name="connsiteX2" fmla="*/ 61336 w 56444"/>
                  <a:gd name="connsiteY2" fmla="*/ 48616 h 46566"/>
                  <a:gd name="connsiteX3" fmla="*/ 0 w 56444"/>
                  <a:gd name="connsiteY3" fmla="*/ 48616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4656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48616"/>
                    </a:lnTo>
                    <a:lnTo>
                      <a:pt x="0" y="4861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66" name="Vrije vorm 198">
                <a:extLst>
                  <a:ext uri="{FF2B5EF4-FFF2-40B4-BE49-F238E27FC236}">
                    <a16:creationId xmlns="" xmlns:a16="http://schemas.microsoft.com/office/drawing/2014/main" id="{19AE2BAB-5596-4C87-BA2B-68F8D9982EE3}"/>
                  </a:ext>
                </a:extLst>
              </p:cNvPr>
              <p:cNvSpPr/>
              <p:nvPr/>
            </p:nvSpPr>
            <p:spPr>
              <a:xfrm>
                <a:off x="4518660" y="3532285"/>
                <a:ext cx="65852" cy="27940"/>
              </a:xfrm>
              <a:custGeom>
                <a:avLst/>
                <a:gdLst>
                  <a:gd name="connsiteX0" fmla="*/ 0 w 65851"/>
                  <a:gd name="connsiteY0" fmla="*/ 0 h 27940"/>
                  <a:gd name="connsiteX1" fmla="*/ 73660 w 65851"/>
                  <a:gd name="connsiteY1" fmla="*/ 0 h 27940"/>
                  <a:gd name="connsiteX2" fmla="*/ 73660 w 65851"/>
                  <a:gd name="connsiteY2" fmla="*/ 36415 h 27940"/>
                  <a:gd name="connsiteX3" fmla="*/ 0 w 65851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27940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67" name="Vrije vorm 199">
                <a:extLst>
                  <a:ext uri="{FF2B5EF4-FFF2-40B4-BE49-F238E27FC236}">
                    <a16:creationId xmlns="" xmlns:a16="http://schemas.microsoft.com/office/drawing/2014/main" id="{A7ED5C44-6D20-4C22-9245-CD1708A92020}"/>
                  </a:ext>
                </a:extLst>
              </p:cNvPr>
              <p:cNvSpPr/>
              <p:nvPr/>
            </p:nvSpPr>
            <p:spPr>
              <a:xfrm>
                <a:off x="4518661" y="3483667"/>
                <a:ext cx="65852" cy="27940"/>
              </a:xfrm>
              <a:custGeom>
                <a:avLst/>
                <a:gdLst>
                  <a:gd name="connsiteX0" fmla="*/ 0 w 65851"/>
                  <a:gd name="connsiteY0" fmla="*/ 0 h 27940"/>
                  <a:gd name="connsiteX1" fmla="*/ 73660 w 65851"/>
                  <a:gd name="connsiteY1" fmla="*/ 0 h 27940"/>
                  <a:gd name="connsiteX2" fmla="*/ 73660 w 65851"/>
                  <a:gd name="connsiteY2" fmla="*/ 36415 h 27940"/>
                  <a:gd name="connsiteX3" fmla="*/ 0 w 65851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27940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68" name="Vrije vorm 200">
                <a:extLst>
                  <a:ext uri="{FF2B5EF4-FFF2-40B4-BE49-F238E27FC236}">
                    <a16:creationId xmlns="" xmlns:a16="http://schemas.microsoft.com/office/drawing/2014/main" id="{D07E80DA-ADE2-422C-9FF9-9B158E0DF3E2}"/>
                  </a:ext>
                </a:extLst>
              </p:cNvPr>
              <p:cNvSpPr/>
              <p:nvPr/>
            </p:nvSpPr>
            <p:spPr>
              <a:xfrm>
                <a:off x="4518660" y="3350023"/>
                <a:ext cx="65852" cy="121073"/>
              </a:xfrm>
              <a:custGeom>
                <a:avLst/>
                <a:gdLst>
                  <a:gd name="connsiteX0" fmla="*/ 0 w 65851"/>
                  <a:gd name="connsiteY0" fmla="*/ 0 h 121073"/>
                  <a:gd name="connsiteX1" fmla="*/ 73660 w 65851"/>
                  <a:gd name="connsiteY1" fmla="*/ 0 h 121073"/>
                  <a:gd name="connsiteX2" fmla="*/ 73660 w 65851"/>
                  <a:gd name="connsiteY2" fmla="*/ 121446 h 121073"/>
                  <a:gd name="connsiteX3" fmla="*/ 0 w 65851"/>
                  <a:gd name="connsiteY3" fmla="*/ 121446 h 1210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121072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121446"/>
                    </a:lnTo>
                    <a:lnTo>
                      <a:pt x="0" y="12144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69" name="Vrije vorm 201">
                <a:extLst>
                  <a:ext uri="{FF2B5EF4-FFF2-40B4-BE49-F238E27FC236}">
                    <a16:creationId xmlns="" xmlns:a16="http://schemas.microsoft.com/office/drawing/2014/main" id="{05A2B67A-E9A9-4A2A-882E-04CDCF6BC6CA}"/>
                  </a:ext>
                </a:extLst>
              </p:cNvPr>
              <p:cNvSpPr/>
              <p:nvPr/>
            </p:nvSpPr>
            <p:spPr>
              <a:xfrm>
                <a:off x="4518660" y="3289300"/>
                <a:ext cx="65852" cy="46567"/>
              </a:xfrm>
              <a:custGeom>
                <a:avLst/>
                <a:gdLst>
                  <a:gd name="connsiteX0" fmla="*/ 0 w 65851"/>
                  <a:gd name="connsiteY0" fmla="*/ 0 h 46566"/>
                  <a:gd name="connsiteX1" fmla="*/ 73660 w 65851"/>
                  <a:gd name="connsiteY1" fmla="*/ 0 h 46566"/>
                  <a:gd name="connsiteX2" fmla="*/ 73660 w 65851"/>
                  <a:gd name="connsiteY2" fmla="*/ 48616 h 46566"/>
                  <a:gd name="connsiteX3" fmla="*/ 0 w 65851"/>
                  <a:gd name="connsiteY3" fmla="*/ 48616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46566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48616"/>
                    </a:lnTo>
                    <a:lnTo>
                      <a:pt x="0" y="4861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70" name="Vrije vorm 202">
                <a:extLst>
                  <a:ext uri="{FF2B5EF4-FFF2-40B4-BE49-F238E27FC236}">
                    <a16:creationId xmlns="" xmlns:a16="http://schemas.microsoft.com/office/drawing/2014/main" id="{97F9E961-76E4-44BE-9A3D-AED68C038963}"/>
                  </a:ext>
                </a:extLst>
              </p:cNvPr>
              <p:cNvSpPr/>
              <p:nvPr/>
            </p:nvSpPr>
            <p:spPr>
              <a:xfrm>
                <a:off x="4612423" y="3299078"/>
                <a:ext cx="56444" cy="46567"/>
              </a:xfrm>
              <a:custGeom>
                <a:avLst/>
                <a:gdLst>
                  <a:gd name="connsiteX0" fmla="*/ 0 w 56444"/>
                  <a:gd name="connsiteY0" fmla="*/ 5187 h 46566"/>
                  <a:gd name="connsiteX1" fmla="*/ 61112 w 56444"/>
                  <a:gd name="connsiteY1" fmla="*/ 0 h 46566"/>
                  <a:gd name="connsiteX2" fmla="*/ 65307 w 56444"/>
                  <a:gd name="connsiteY2" fmla="*/ 48438 h 46566"/>
                  <a:gd name="connsiteX3" fmla="*/ 4195 w 56444"/>
                  <a:gd name="connsiteY3" fmla="*/ 53625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46566">
                    <a:moveTo>
                      <a:pt x="0" y="5187"/>
                    </a:moveTo>
                    <a:lnTo>
                      <a:pt x="61112" y="0"/>
                    </a:lnTo>
                    <a:lnTo>
                      <a:pt x="65307" y="48438"/>
                    </a:lnTo>
                    <a:lnTo>
                      <a:pt x="4195" y="5362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71" name="Vrije vorm 203">
                <a:extLst>
                  <a:ext uri="{FF2B5EF4-FFF2-40B4-BE49-F238E27FC236}">
                    <a16:creationId xmlns="" xmlns:a16="http://schemas.microsoft.com/office/drawing/2014/main" id="{485529DE-0C0E-4C22-BC24-10BF4BDF8F5F}"/>
                  </a:ext>
                </a:extLst>
              </p:cNvPr>
              <p:cNvSpPr/>
              <p:nvPr/>
            </p:nvSpPr>
            <p:spPr>
              <a:xfrm>
                <a:off x="4617779" y="3359513"/>
                <a:ext cx="65852" cy="111760"/>
              </a:xfrm>
              <a:custGeom>
                <a:avLst/>
                <a:gdLst>
                  <a:gd name="connsiteX0" fmla="*/ 0 w 65851"/>
                  <a:gd name="connsiteY0" fmla="*/ 5176 h 111760"/>
                  <a:gd name="connsiteX1" fmla="*/ 61113 w 65851"/>
                  <a:gd name="connsiteY1" fmla="*/ 0 h 111760"/>
                  <a:gd name="connsiteX2" fmla="*/ 70528 w 65851"/>
                  <a:gd name="connsiteY2" fmla="*/ 108941 h 111760"/>
                  <a:gd name="connsiteX3" fmla="*/ 9414 w 65851"/>
                  <a:gd name="connsiteY3" fmla="*/ 114117 h 1117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111760">
                    <a:moveTo>
                      <a:pt x="0" y="5176"/>
                    </a:moveTo>
                    <a:lnTo>
                      <a:pt x="61113" y="0"/>
                    </a:lnTo>
                    <a:lnTo>
                      <a:pt x="70528" y="108941"/>
                    </a:lnTo>
                    <a:lnTo>
                      <a:pt x="9414" y="114117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72" name="Vrije vorm 204">
                <a:extLst>
                  <a:ext uri="{FF2B5EF4-FFF2-40B4-BE49-F238E27FC236}">
                    <a16:creationId xmlns="" xmlns:a16="http://schemas.microsoft.com/office/drawing/2014/main" id="{564697E0-4404-4DE2-B1F6-DDC82652C4DA}"/>
                  </a:ext>
                </a:extLst>
              </p:cNvPr>
              <p:cNvSpPr/>
              <p:nvPr/>
            </p:nvSpPr>
            <p:spPr>
              <a:xfrm>
                <a:off x="4628219" y="3480553"/>
                <a:ext cx="56444" cy="27940"/>
              </a:xfrm>
              <a:custGeom>
                <a:avLst/>
                <a:gdLst>
                  <a:gd name="connsiteX0" fmla="*/ 0 w 56444"/>
                  <a:gd name="connsiteY0" fmla="*/ 5187 h 27940"/>
                  <a:gd name="connsiteX1" fmla="*/ 61112 w 56444"/>
                  <a:gd name="connsiteY1" fmla="*/ 0 h 27940"/>
                  <a:gd name="connsiteX2" fmla="*/ 63209 w 56444"/>
                  <a:gd name="connsiteY2" fmla="*/ 24219 h 27940"/>
                  <a:gd name="connsiteX3" fmla="*/ 2097 w 56444"/>
                  <a:gd name="connsiteY3" fmla="*/ 29406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27940">
                    <a:moveTo>
                      <a:pt x="0" y="5187"/>
                    </a:moveTo>
                    <a:lnTo>
                      <a:pt x="61112" y="0"/>
                    </a:lnTo>
                    <a:lnTo>
                      <a:pt x="63209" y="24219"/>
                    </a:lnTo>
                    <a:lnTo>
                      <a:pt x="2097" y="2940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73" name="Vrije vorm 205">
                <a:extLst>
                  <a:ext uri="{FF2B5EF4-FFF2-40B4-BE49-F238E27FC236}">
                    <a16:creationId xmlns="" xmlns:a16="http://schemas.microsoft.com/office/drawing/2014/main" id="{DC242B2D-F3E5-4279-965D-DE832C5EF554}"/>
                  </a:ext>
                </a:extLst>
              </p:cNvPr>
              <p:cNvSpPr/>
              <p:nvPr/>
            </p:nvSpPr>
            <p:spPr>
              <a:xfrm>
                <a:off x="4633091" y="3516609"/>
                <a:ext cx="56444" cy="37253"/>
              </a:xfrm>
              <a:custGeom>
                <a:avLst/>
                <a:gdLst>
                  <a:gd name="connsiteX0" fmla="*/ 0 w 56444"/>
                  <a:gd name="connsiteY0" fmla="*/ 5465 h 37253"/>
                  <a:gd name="connsiteX1" fmla="*/ 61336 w 56444"/>
                  <a:gd name="connsiteY1" fmla="*/ 0 h 37253"/>
                  <a:gd name="connsiteX2" fmla="*/ 64647 w 56444"/>
                  <a:gd name="connsiteY2" fmla="*/ 36415 h 37253"/>
                  <a:gd name="connsiteX3" fmla="*/ 3310 w 56444"/>
                  <a:gd name="connsiteY3" fmla="*/ 41880 h 372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37253">
                    <a:moveTo>
                      <a:pt x="0" y="5465"/>
                    </a:moveTo>
                    <a:lnTo>
                      <a:pt x="61336" y="0"/>
                    </a:lnTo>
                    <a:lnTo>
                      <a:pt x="64647" y="36415"/>
                    </a:lnTo>
                    <a:lnTo>
                      <a:pt x="3310" y="41880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261" name="Tekstvak 193">
              <a:extLst>
                <a:ext uri="{FF2B5EF4-FFF2-40B4-BE49-F238E27FC236}">
                  <a16:creationId xmlns="" xmlns:a16="http://schemas.microsoft.com/office/drawing/2014/main" id="{5A7DAAEF-6539-43F7-8D62-B1F7C7BACD90}"/>
                </a:ext>
              </a:extLst>
            </p:cNvPr>
            <p:cNvSpPr txBox="1"/>
            <p:nvPr/>
          </p:nvSpPr>
          <p:spPr>
            <a:xfrm>
              <a:off x="999010" y="6384662"/>
              <a:ext cx="803851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Список литературы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274" name="Groep 178">
            <a:extLst>
              <a:ext uri="{FF2B5EF4-FFF2-40B4-BE49-F238E27FC236}">
                <a16:creationId xmlns="" xmlns:a16="http://schemas.microsoft.com/office/drawing/2014/main" id="{BBAE9230-FAB2-4ACE-BA68-FE5555AB3F89}"/>
              </a:ext>
            </a:extLst>
          </p:cNvPr>
          <p:cNvGrpSpPr/>
          <p:nvPr userDrawn="1"/>
        </p:nvGrpSpPr>
        <p:grpSpPr>
          <a:xfrm>
            <a:off x="4792110" y="6455151"/>
            <a:ext cx="1299431" cy="205629"/>
            <a:chOff x="1983484" y="6455150"/>
            <a:chExt cx="974573" cy="205629"/>
          </a:xfrm>
        </p:grpSpPr>
        <p:sp>
          <p:nvSpPr>
            <p:cNvPr id="275" name="Graphic 27">
              <a:extLst>
                <a:ext uri="{FF2B5EF4-FFF2-40B4-BE49-F238E27FC236}">
                  <a16:creationId xmlns="" xmlns:a16="http://schemas.microsoft.com/office/drawing/2014/main" id="{FB1B3626-D43D-4A8C-9BBE-1FEA581CAA0F}"/>
                </a:ext>
              </a:extLst>
            </p:cNvPr>
            <p:cNvSpPr/>
            <p:nvPr/>
          </p:nvSpPr>
          <p:spPr>
            <a:xfrm>
              <a:off x="1983484" y="6455150"/>
              <a:ext cx="205629" cy="205629"/>
            </a:xfrm>
            <a:custGeom>
              <a:avLst/>
              <a:gdLst>
                <a:gd name="connsiteX0" fmla="*/ 140538 w 279400"/>
                <a:gd name="connsiteY0" fmla="*/ 109245 h 279400"/>
                <a:gd name="connsiteX1" fmla="*/ 194276 w 279400"/>
                <a:gd name="connsiteY1" fmla="*/ 0 h 279400"/>
                <a:gd name="connsiteX2" fmla="*/ 235255 w 279400"/>
                <a:gd name="connsiteY2" fmla="*/ 22445 h 279400"/>
                <a:gd name="connsiteX3" fmla="*/ 164567 w 279400"/>
                <a:gd name="connsiteY3" fmla="*/ 124426 h 279400"/>
                <a:gd name="connsiteX4" fmla="*/ 279400 w 279400"/>
                <a:gd name="connsiteY4" fmla="*/ 114833 h 279400"/>
                <a:gd name="connsiteX5" fmla="*/ 279400 w 279400"/>
                <a:gd name="connsiteY5" fmla="*/ 161400 h 279400"/>
                <a:gd name="connsiteX6" fmla="*/ 165405 w 279400"/>
                <a:gd name="connsiteY6" fmla="*/ 152552 h 279400"/>
                <a:gd name="connsiteX7" fmla="*/ 234417 w 279400"/>
                <a:gd name="connsiteY7" fmla="*/ 256117 h 279400"/>
                <a:gd name="connsiteX8" fmla="*/ 192693 w 279400"/>
                <a:gd name="connsiteY8" fmla="*/ 277817 h 279400"/>
                <a:gd name="connsiteX9" fmla="*/ 140538 w 279400"/>
                <a:gd name="connsiteY9" fmla="*/ 166988 h 279400"/>
                <a:gd name="connsiteX10" fmla="*/ 85869 w 279400"/>
                <a:gd name="connsiteY10" fmla="*/ 279400 h 279400"/>
                <a:gd name="connsiteX11" fmla="*/ 45728 w 279400"/>
                <a:gd name="connsiteY11" fmla="*/ 256117 h 279400"/>
                <a:gd name="connsiteX12" fmla="*/ 115578 w 279400"/>
                <a:gd name="connsiteY12" fmla="*/ 153391 h 279400"/>
                <a:gd name="connsiteX13" fmla="*/ 0 w 279400"/>
                <a:gd name="connsiteY13" fmla="*/ 161400 h 279400"/>
                <a:gd name="connsiteX14" fmla="*/ 0 w 279400"/>
                <a:gd name="connsiteY14" fmla="*/ 114833 h 279400"/>
                <a:gd name="connsiteX15" fmla="*/ 116417 w 279400"/>
                <a:gd name="connsiteY15" fmla="*/ 124426 h 279400"/>
                <a:gd name="connsiteX16" fmla="*/ 43400 w 279400"/>
                <a:gd name="connsiteY16" fmla="*/ 23283 h 279400"/>
                <a:gd name="connsiteX17" fmla="*/ 85869 w 279400"/>
                <a:gd name="connsiteY17" fmla="*/ 0 h 279400"/>
                <a:gd name="connsiteX18" fmla="*/ 140538 w 279400"/>
                <a:gd name="connsiteY18" fmla="*/ 109245 h 279400"/>
                <a:gd name="connsiteX19" fmla="*/ 140538 w 279400"/>
                <a:gd name="connsiteY19" fmla="*/ 109245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79400" h="279400">
                  <a:moveTo>
                    <a:pt x="140538" y="109245"/>
                  </a:moveTo>
                  <a:lnTo>
                    <a:pt x="194276" y="0"/>
                  </a:lnTo>
                  <a:lnTo>
                    <a:pt x="235255" y="22445"/>
                  </a:lnTo>
                  <a:lnTo>
                    <a:pt x="164567" y="124426"/>
                  </a:lnTo>
                  <a:lnTo>
                    <a:pt x="279400" y="114833"/>
                  </a:lnTo>
                  <a:lnTo>
                    <a:pt x="279400" y="161400"/>
                  </a:lnTo>
                  <a:lnTo>
                    <a:pt x="165405" y="152552"/>
                  </a:lnTo>
                  <a:lnTo>
                    <a:pt x="234417" y="256117"/>
                  </a:lnTo>
                  <a:lnTo>
                    <a:pt x="192693" y="277817"/>
                  </a:lnTo>
                  <a:lnTo>
                    <a:pt x="140538" y="166988"/>
                  </a:lnTo>
                  <a:lnTo>
                    <a:pt x="85869" y="279400"/>
                  </a:lnTo>
                  <a:lnTo>
                    <a:pt x="45728" y="256117"/>
                  </a:lnTo>
                  <a:lnTo>
                    <a:pt x="115578" y="153391"/>
                  </a:lnTo>
                  <a:lnTo>
                    <a:pt x="0" y="161400"/>
                  </a:lnTo>
                  <a:lnTo>
                    <a:pt x="0" y="114833"/>
                  </a:lnTo>
                  <a:lnTo>
                    <a:pt x="116417" y="124426"/>
                  </a:lnTo>
                  <a:lnTo>
                    <a:pt x="43400" y="23283"/>
                  </a:lnTo>
                  <a:lnTo>
                    <a:pt x="85869" y="0"/>
                  </a:lnTo>
                  <a:lnTo>
                    <a:pt x="140538" y="109245"/>
                  </a:lnTo>
                  <a:lnTo>
                    <a:pt x="140538" y="109245"/>
                  </a:lnTo>
                  <a:close/>
                </a:path>
              </a:pathLst>
            </a:custGeom>
            <a:solidFill>
              <a:schemeClr val="tx1"/>
            </a:solidFill>
            <a:ln w="920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76" name="Tekstvak 191">
              <a:extLst>
                <a:ext uri="{FF2B5EF4-FFF2-40B4-BE49-F238E27FC236}">
                  <a16:creationId xmlns="" xmlns:a16="http://schemas.microsoft.com/office/drawing/2014/main" id="{29888843-A956-47B1-9D4B-295E59C3A407}"/>
                </a:ext>
              </a:extLst>
            </p:cNvPr>
            <p:cNvSpPr txBox="1"/>
            <p:nvPr/>
          </p:nvSpPr>
          <p:spPr>
            <a:xfrm>
              <a:off x="2280564" y="6292003"/>
              <a:ext cx="678170" cy="526306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Подстрочные примечания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277" name="Groep 180">
            <a:extLst>
              <a:ext uri="{FF2B5EF4-FFF2-40B4-BE49-F238E27FC236}">
                <a16:creationId xmlns="" xmlns:a16="http://schemas.microsoft.com/office/drawing/2014/main" id="{07006DCB-D678-4A35-823A-6DC1D03C893E}"/>
              </a:ext>
            </a:extLst>
          </p:cNvPr>
          <p:cNvGrpSpPr/>
          <p:nvPr userDrawn="1"/>
        </p:nvGrpSpPr>
        <p:grpSpPr>
          <a:xfrm>
            <a:off x="9028069" y="6452492"/>
            <a:ext cx="1781955" cy="205629"/>
            <a:chOff x="4572000" y="6452491"/>
            <a:chExt cx="1336466" cy="205629"/>
          </a:xfrm>
        </p:grpSpPr>
        <p:grpSp>
          <p:nvGrpSpPr>
            <p:cNvPr id="278" name="Graphic 16">
              <a:extLst>
                <a:ext uri="{FF2B5EF4-FFF2-40B4-BE49-F238E27FC236}">
                  <a16:creationId xmlns="" xmlns:a16="http://schemas.microsoft.com/office/drawing/2014/main" id="{1CE2F524-900A-4667-9CAD-143F74699984}"/>
                </a:ext>
              </a:extLst>
            </p:cNvPr>
            <p:cNvGrpSpPr/>
            <p:nvPr userDrawn="1"/>
          </p:nvGrpSpPr>
          <p:grpSpPr>
            <a:xfrm>
              <a:off x="4572000" y="6452491"/>
              <a:ext cx="413013" cy="205629"/>
              <a:chOff x="4292488" y="3289296"/>
              <a:chExt cx="561184" cy="279400"/>
            </a:xfrm>
            <a:solidFill>
              <a:schemeClr val="tx1"/>
            </a:solidFill>
          </p:grpSpPr>
          <p:sp>
            <p:nvSpPr>
              <p:cNvPr id="280" name="Vrije vorm 183">
                <a:extLst>
                  <a:ext uri="{FF2B5EF4-FFF2-40B4-BE49-F238E27FC236}">
                    <a16:creationId xmlns="" xmlns:a16="http://schemas.microsoft.com/office/drawing/2014/main" id="{D2BD4938-DCF4-4E10-836F-8C774347EF02}"/>
                  </a:ext>
                </a:extLst>
              </p:cNvPr>
              <p:cNvSpPr/>
              <p:nvPr userDrawn="1"/>
            </p:nvSpPr>
            <p:spPr>
              <a:xfrm>
                <a:off x="4378789" y="3496331"/>
                <a:ext cx="85241" cy="18627"/>
              </a:xfrm>
              <a:custGeom>
                <a:avLst/>
                <a:gdLst>
                  <a:gd name="connsiteX0" fmla="*/ 91490 w 85240"/>
                  <a:gd name="connsiteY0" fmla="*/ 9318 h 18626"/>
                  <a:gd name="connsiteX1" fmla="*/ 84580 w 85240"/>
                  <a:gd name="connsiteY1" fmla="*/ 92 h 18626"/>
                  <a:gd name="connsiteX2" fmla="*/ 83061 w 85240"/>
                  <a:gd name="connsiteY2" fmla="*/ 5 h 18626"/>
                  <a:gd name="connsiteX3" fmla="*/ 8523 w 85240"/>
                  <a:gd name="connsiteY3" fmla="*/ 5 h 18626"/>
                  <a:gd name="connsiteX4" fmla="*/ 5 w 85240"/>
                  <a:gd name="connsiteY4" fmla="*/ 7825 h 18626"/>
                  <a:gd name="connsiteX5" fmla="*/ 93 w 85240"/>
                  <a:gd name="connsiteY5" fmla="*/ 9318 h 18626"/>
                  <a:gd name="connsiteX6" fmla="*/ 4261 w 85240"/>
                  <a:gd name="connsiteY6" fmla="*/ 15651 h 18626"/>
                  <a:gd name="connsiteX7" fmla="*/ 15247 w 85240"/>
                  <a:gd name="connsiteY7" fmla="*/ 23009 h 18626"/>
                  <a:gd name="connsiteX8" fmla="*/ 35421 w 85240"/>
                  <a:gd name="connsiteY8" fmla="*/ 24965 h 18626"/>
                  <a:gd name="connsiteX9" fmla="*/ 78515 w 85240"/>
                  <a:gd name="connsiteY9" fmla="*/ 24965 h 18626"/>
                  <a:gd name="connsiteX10" fmla="*/ 90448 w 85240"/>
                  <a:gd name="connsiteY10" fmla="*/ 15651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85240" h="18626">
                    <a:moveTo>
                      <a:pt x="91490" y="9318"/>
                    </a:moveTo>
                    <a:cubicBezTo>
                      <a:pt x="92173" y="4894"/>
                      <a:pt x="89079" y="763"/>
                      <a:pt x="84580" y="92"/>
                    </a:cubicBezTo>
                    <a:cubicBezTo>
                      <a:pt x="84077" y="17"/>
                      <a:pt x="83569" y="-12"/>
                      <a:pt x="83061" y="5"/>
                    </a:cubicBezTo>
                    <a:lnTo>
                      <a:pt x="8523" y="5"/>
                    </a:lnTo>
                    <a:cubicBezTo>
                      <a:pt x="3974" y="-149"/>
                      <a:pt x="161" y="3352"/>
                      <a:pt x="5" y="7825"/>
                    </a:cubicBezTo>
                    <a:cubicBezTo>
                      <a:pt x="-13" y="8324"/>
                      <a:pt x="17" y="8824"/>
                      <a:pt x="93" y="9318"/>
                    </a:cubicBezTo>
                    <a:cubicBezTo>
                      <a:pt x="1029" y="11687"/>
                      <a:pt x="2447" y="13842"/>
                      <a:pt x="4261" y="15651"/>
                    </a:cubicBezTo>
                    <a:cubicBezTo>
                      <a:pt x="7003" y="19223"/>
                      <a:pt x="10863" y="21808"/>
                      <a:pt x="15247" y="23009"/>
                    </a:cubicBezTo>
                    <a:cubicBezTo>
                      <a:pt x="21904" y="24217"/>
                      <a:pt x="28652" y="24872"/>
                      <a:pt x="35421" y="24965"/>
                    </a:cubicBezTo>
                    <a:lnTo>
                      <a:pt x="78515" y="24965"/>
                    </a:lnTo>
                    <a:cubicBezTo>
                      <a:pt x="84179" y="24877"/>
                      <a:pt x="89076" y="21056"/>
                      <a:pt x="90448" y="15651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81" name="Vrije vorm 184">
                <a:extLst>
                  <a:ext uri="{FF2B5EF4-FFF2-40B4-BE49-F238E27FC236}">
                    <a16:creationId xmlns="" xmlns:a16="http://schemas.microsoft.com/office/drawing/2014/main" id="{67B87473-FC5B-450A-A86A-57A12E8420AE}"/>
                  </a:ext>
                </a:extLst>
              </p:cNvPr>
              <p:cNvSpPr/>
              <p:nvPr userDrawn="1"/>
            </p:nvSpPr>
            <p:spPr>
              <a:xfrm>
                <a:off x="4321394" y="3394350"/>
                <a:ext cx="142068" cy="18627"/>
              </a:xfrm>
              <a:custGeom>
                <a:avLst/>
                <a:gdLst>
                  <a:gd name="connsiteX0" fmla="*/ 148886 w 142067"/>
                  <a:gd name="connsiteY0" fmla="*/ 9318 h 18626"/>
                  <a:gd name="connsiteX1" fmla="*/ 141975 w 142067"/>
                  <a:gd name="connsiteY1" fmla="*/ 92 h 18626"/>
                  <a:gd name="connsiteX2" fmla="*/ 140456 w 142067"/>
                  <a:gd name="connsiteY2" fmla="*/ 5 h 18626"/>
                  <a:gd name="connsiteX3" fmla="*/ 8523 w 142067"/>
                  <a:gd name="connsiteY3" fmla="*/ 5 h 18626"/>
                  <a:gd name="connsiteX4" fmla="*/ 5 w 142067"/>
                  <a:gd name="connsiteY4" fmla="*/ 7825 h 18626"/>
                  <a:gd name="connsiteX5" fmla="*/ 93 w 142067"/>
                  <a:gd name="connsiteY5" fmla="*/ 9318 h 18626"/>
                  <a:gd name="connsiteX6" fmla="*/ 4261 w 142067"/>
                  <a:gd name="connsiteY6" fmla="*/ 15651 h 18626"/>
                  <a:gd name="connsiteX7" fmla="*/ 15247 w 142067"/>
                  <a:gd name="connsiteY7" fmla="*/ 23009 h 18626"/>
                  <a:gd name="connsiteX8" fmla="*/ 35326 w 142067"/>
                  <a:gd name="connsiteY8" fmla="*/ 25337 h 18626"/>
                  <a:gd name="connsiteX9" fmla="*/ 135910 w 142067"/>
                  <a:gd name="connsiteY9" fmla="*/ 25337 h 18626"/>
                  <a:gd name="connsiteX10" fmla="*/ 147844 w 142067"/>
                  <a:gd name="connsiteY10" fmla="*/ 15558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42067" h="18626">
                    <a:moveTo>
                      <a:pt x="148886" y="9318"/>
                    </a:moveTo>
                    <a:cubicBezTo>
                      <a:pt x="149568" y="4894"/>
                      <a:pt x="146474" y="763"/>
                      <a:pt x="141975" y="92"/>
                    </a:cubicBezTo>
                    <a:cubicBezTo>
                      <a:pt x="141473" y="17"/>
                      <a:pt x="140964" y="-12"/>
                      <a:pt x="140456" y="5"/>
                    </a:cubicBezTo>
                    <a:lnTo>
                      <a:pt x="8523" y="5"/>
                    </a:lnTo>
                    <a:cubicBezTo>
                      <a:pt x="3974" y="-149"/>
                      <a:pt x="161" y="3352"/>
                      <a:pt x="5" y="7825"/>
                    </a:cubicBezTo>
                    <a:cubicBezTo>
                      <a:pt x="-13" y="8324"/>
                      <a:pt x="17" y="8824"/>
                      <a:pt x="93" y="9318"/>
                    </a:cubicBezTo>
                    <a:cubicBezTo>
                      <a:pt x="1029" y="11687"/>
                      <a:pt x="2447" y="13842"/>
                      <a:pt x="4261" y="15651"/>
                    </a:cubicBezTo>
                    <a:cubicBezTo>
                      <a:pt x="7003" y="19223"/>
                      <a:pt x="10863" y="21808"/>
                      <a:pt x="15247" y="23009"/>
                    </a:cubicBezTo>
                    <a:cubicBezTo>
                      <a:pt x="21860" y="24347"/>
                      <a:pt x="28578" y="25126"/>
                      <a:pt x="35326" y="25337"/>
                    </a:cubicBezTo>
                    <a:lnTo>
                      <a:pt x="135910" y="25337"/>
                    </a:lnTo>
                    <a:cubicBezTo>
                      <a:pt x="141715" y="25198"/>
                      <a:pt x="146658" y="21147"/>
                      <a:pt x="147844" y="15558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82" name="Vrije vorm 185">
                <a:extLst>
                  <a:ext uri="{FF2B5EF4-FFF2-40B4-BE49-F238E27FC236}">
                    <a16:creationId xmlns="" xmlns:a16="http://schemas.microsoft.com/office/drawing/2014/main" id="{6FE3C47E-A40D-4F54-BEA9-02F2BECA748F}"/>
                  </a:ext>
                </a:extLst>
              </p:cNvPr>
              <p:cNvSpPr/>
              <p:nvPr userDrawn="1"/>
            </p:nvSpPr>
            <p:spPr>
              <a:xfrm>
                <a:off x="4350289" y="3444917"/>
                <a:ext cx="113654" cy="18627"/>
              </a:xfrm>
              <a:custGeom>
                <a:avLst/>
                <a:gdLst>
                  <a:gd name="connsiteX0" fmla="*/ 119991 w 113654"/>
                  <a:gd name="connsiteY0" fmla="*/ 9787 h 18626"/>
                  <a:gd name="connsiteX1" fmla="*/ 113644 w 113654"/>
                  <a:gd name="connsiteY1" fmla="*/ 177 h 18626"/>
                  <a:gd name="connsiteX2" fmla="*/ 111561 w 113654"/>
                  <a:gd name="connsiteY2" fmla="*/ 8 h 18626"/>
                  <a:gd name="connsiteX3" fmla="*/ 8609 w 113654"/>
                  <a:gd name="connsiteY3" fmla="*/ 8 h 18626"/>
                  <a:gd name="connsiteX4" fmla="*/ 8 w 113654"/>
                  <a:gd name="connsiteY4" fmla="*/ 7739 h 18626"/>
                  <a:gd name="connsiteX5" fmla="*/ 180 w 113654"/>
                  <a:gd name="connsiteY5" fmla="*/ 9787 h 18626"/>
                  <a:gd name="connsiteX6" fmla="*/ 4347 w 113654"/>
                  <a:gd name="connsiteY6" fmla="*/ 16120 h 18626"/>
                  <a:gd name="connsiteX7" fmla="*/ 15334 w 113654"/>
                  <a:gd name="connsiteY7" fmla="*/ 23478 h 18626"/>
                  <a:gd name="connsiteX8" fmla="*/ 35413 w 113654"/>
                  <a:gd name="connsiteY8" fmla="*/ 25434 h 18626"/>
                  <a:gd name="connsiteX9" fmla="*/ 107299 w 113654"/>
                  <a:gd name="connsiteY9" fmla="*/ 25434 h 18626"/>
                  <a:gd name="connsiteX10" fmla="*/ 119233 w 113654"/>
                  <a:gd name="connsiteY10" fmla="*/ 15655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13654" h="18626">
                    <a:moveTo>
                      <a:pt x="119991" y="9787"/>
                    </a:moveTo>
                    <a:cubicBezTo>
                      <a:pt x="120937" y="5410"/>
                      <a:pt x="118095" y="1108"/>
                      <a:pt x="113644" y="177"/>
                    </a:cubicBezTo>
                    <a:cubicBezTo>
                      <a:pt x="112960" y="34"/>
                      <a:pt x="112260" y="-23"/>
                      <a:pt x="111561" y="8"/>
                    </a:cubicBezTo>
                    <a:lnTo>
                      <a:pt x="8609" y="8"/>
                    </a:lnTo>
                    <a:cubicBezTo>
                      <a:pt x="4063" y="-192"/>
                      <a:pt x="212" y="3269"/>
                      <a:pt x="8" y="7739"/>
                    </a:cubicBezTo>
                    <a:cubicBezTo>
                      <a:pt x="-23" y="8426"/>
                      <a:pt x="35" y="9115"/>
                      <a:pt x="180" y="9787"/>
                    </a:cubicBezTo>
                    <a:cubicBezTo>
                      <a:pt x="1115" y="12156"/>
                      <a:pt x="2534" y="14311"/>
                      <a:pt x="4347" y="16120"/>
                    </a:cubicBezTo>
                    <a:cubicBezTo>
                      <a:pt x="7127" y="19652"/>
                      <a:pt x="10973" y="22228"/>
                      <a:pt x="15334" y="23478"/>
                    </a:cubicBezTo>
                    <a:cubicBezTo>
                      <a:pt x="21965" y="24641"/>
                      <a:pt x="28678" y="25295"/>
                      <a:pt x="35413" y="25434"/>
                    </a:cubicBezTo>
                    <a:lnTo>
                      <a:pt x="107299" y="25434"/>
                    </a:lnTo>
                    <a:cubicBezTo>
                      <a:pt x="113104" y="25295"/>
                      <a:pt x="118047" y="21244"/>
                      <a:pt x="119233" y="15655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83" name="Vrije vorm 186">
                <a:extLst>
                  <a:ext uri="{FF2B5EF4-FFF2-40B4-BE49-F238E27FC236}">
                    <a16:creationId xmlns="" xmlns:a16="http://schemas.microsoft.com/office/drawing/2014/main" id="{E453A378-26E4-4C37-9EDF-15B3E1FE9D06}"/>
                  </a:ext>
                </a:extLst>
              </p:cNvPr>
              <p:cNvSpPr/>
              <p:nvPr userDrawn="1"/>
            </p:nvSpPr>
            <p:spPr>
              <a:xfrm>
                <a:off x="4292488" y="3343296"/>
                <a:ext cx="170481" cy="18627"/>
              </a:xfrm>
              <a:custGeom>
                <a:avLst/>
                <a:gdLst>
                  <a:gd name="connsiteX0" fmla="*/ 177792 w 170481"/>
                  <a:gd name="connsiteY0" fmla="*/ 9334 h 18626"/>
                  <a:gd name="connsiteX1" fmla="*/ 170881 w 170481"/>
                  <a:gd name="connsiteY1" fmla="*/ 108 h 18626"/>
                  <a:gd name="connsiteX2" fmla="*/ 169362 w 170481"/>
                  <a:gd name="connsiteY2" fmla="*/ 21 h 18626"/>
                  <a:gd name="connsiteX3" fmla="*/ 8731 w 170481"/>
                  <a:gd name="connsiteY3" fmla="*/ 21 h 18626"/>
                  <a:gd name="connsiteX4" fmla="*/ 21 w 170481"/>
                  <a:gd name="connsiteY4" fmla="*/ 7434 h 18626"/>
                  <a:gd name="connsiteX5" fmla="*/ 112 w 170481"/>
                  <a:gd name="connsiteY5" fmla="*/ 9334 h 18626"/>
                  <a:gd name="connsiteX6" fmla="*/ 4185 w 170481"/>
                  <a:gd name="connsiteY6" fmla="*/ 15667 h 18626"/>
                  <a:gd name="connsiteX7" fmla="*/ 15171 w 170481"/>
                  <a:gd name="connsiteY7" fmla="*/ 23025 h 18626"/>
                  <a:gd name="connsiteX8" fmla="*/ 35345 w 170481"/>
                  <a:gd name="connsiteY8" fmla="*/ 24981 h 18626"/>
                  <a:gd name="connsiteX9" fmla="*/ 164816 w 170481"/>
                  <a:gd name="connsiteY9" fmla="*/ 24981 h 18626"/>
                  <a:gd name="connsiteX10" fmla="*/ 176750 w 170481"/>
                  <a:gd name="connsiteY10" fmla="*/ 15667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70481" h="18626">
                    <a:moveTo>
                      <a:pt x="177792" y="9334"/>
                    </a:moveTo>
                    <a:cubicBezTo>
                      <a:pt x="178474" y="4910"/>
                      <a:pt x="175380" y="779"/>
                      <a:pt x="170881" y="108"/>
                    </a:cubicBezTo>
                    <a:cubicBezTo>
                      <a:pt x="170379" y="33"/>
                      <a:pt x="169870" y="4"/>
                      <a:pt x="169362" y="21"/>
                    </a:cubicBezTo>
                    <a:lnTo>
                      <a:pt x="8731" y="21"/>
                    </a:lnTo>
                    <a:cubicBezTo>
                      <a:pt x="4244" y="-297"/>
                      <a:pt x="345" y="3022"/>
                      <a:pt x="21" y="7434"/>
                    </a:cubicBezTo>
                    <a:cubicBezTo>
                      <a:pt x="-25" y="8069"/>
                      <a:pt x="5" y="8707"/>
                      <a:pt x="112" y="9334"/>
                    </a:cubicBezTo>
                    <a:cubicBezTo>
                      <a:pt x="1019" y="11695"/>
                      <a:pt x="2405" y="13850"/>
                      <a:pt x="4185" y="15667"/>
                    </a:cubicBezTo>
                    <a:cubicBezTo>
                      <a:pt x="6946" y="19219"/>
                      <a:pt x="10799" y="21799"/>
                      <a:pt x="15171" y="23025"/>
                    </a:cubicBezTo>
                    <a:cubicBezTo>
                      <a:pt x="21828" y="24234"/>
                      <a:pt x="28576" y="24888"/>
                      <a:pt x="35345" y="24981"/>
                    </a:cubicBezTo>
                    <a:lnTo>
                      <a:pt x="164816" y="24981"/>
                    </a:lnTo>
                    <a:cubicBezTo>
                      <a:pt x="170480" y="24894"/>
                      <a:pt x="175377" y="21072"/>
                      <a:pt x="176750" y="15667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84" name="Vrije vorm 187">
                <a:extLst>
                  <a:ext uri="{FF2B5EF4-FFF2-40B4-BE49-F238E27FC236}">
                    <a16:creationId xmlns="" xmlns:a16="http://schemas.microsoft.com/office/drawing/2014/main" id="{6933ECAE-26AE-4972-9814-A15A5C7FA4B8}"/>
                  </a:ext>
                </a:extLst>
              </p:cNvPr>
              <p:cNvSpPr/>
              <p:nvPr userDrawn="1"/>
            </p:nvSpPr>
            <p:spPr>
              <a:xfrm>
                <a:off x="4503238" y="3289296"/>
                <a:ext cx="350434" cy="279400"/>
              </a:xfrm>
              <a:custGeom>
                <a:avLst/>
                <a:gdLst>
                  <a:gd name="connsiteX0" fmla="*/ 342006 w 350433"/>
                  <a:gd name="connsiteY0" fmla="*/ 9317 h 279400"/>
                  <a:gd name="connsiteX1" fmla="*/ 319748 w 350433"/>
                  <a:gd name="connsiteY1" fmla="*/ 4 h 279400"/>
                  <a:gd name="connsiteX2" fmla="*/ 31540 w 350433"/>
                  <a:gd name="connsiteY2" fmla="*/ 4 h 279400"/>
                  <a:gd name="connsiteX3" fmla="*/ 9472 w 350433"/>
                  <a:gd name="connsiteY3" fmla="*/ 9317 h 279400"/>
                  <a:gd name="connsiteX4" fmla="*/ 1 w 350433"/>
                  <a:gd name="connsiteY4" fmla="*/ 31762 h 279400"/>
                  <a:gd name="connsiteX5" fmla="*/ 1 w 350433"/>
                  <a:gd name="connsiteY5" fmla="*/ 247646 h 279400"/>
                  <a:gd name="connsiteX6" fmla="*/ 9472 w 350433"/>
                  <a:gd name="connsiteY6" fmla="*/ 270091 h 279400"/>
                  <a:gd name="connsiteX7" fmla="*/ 31540 w 350433"/>
                  <a:gd name="connsiteY7" fmla="*/ 279404 h 279400"/>
                  <a:gd name="connsiteX8" fmla="*/ 319748 w 350433"/>
                  <a:gd name="connsiteY8" fmla="*/ 279404 h 279400"/>
                  <a:gd name="connsiteX9" fmla="*/ 341911 w 350433"/>
                  <a:gd name="connsiteY9" fmla="*/ 270091 h 279400"/>
                  <a:gd name="connsiteX10" fmla="*/ 351382 w 350433"/>
                  <a:gd name="connsiteY10" fmla="*/ 247646 h 279400"/>
                  <a:gd name="connsiteX11" fmla="*/ 351382 w 350433"/>
                  <a:gd name="connsiteY11" fmla="*/ 31762 h 279400"/>
                  <a:gd name="connsiteX12" fmla="*/ 341911 w 350433"/>
                  <a:gd name="connsiteY12" fmla="*/ 9317 h 279400"/>
                  <a:gd name="connsiteX13" fmla="*/ 317002 w 350433"/>
                  <a:gd name="connsiteY13" fmla="*/ 65197 h 279400"/>
                  <a:gd name="connsiteX14" fmla="*/ 297302 w 350433"/>
                  <a:gd name="connsiteY14" fmla="*/ 88108 h 279400"/>
                  <a:gd name="connsiteX15" fmla="*/ 218785 w 350433"/>
                  <a:gd name="connsiteY15" fmla="*/ 150973 h 279400"/>
                  <a:gd name="connsiteX16" fmla="*/ 211966 w 350433"/>
                  <a:gd name="connsiteY16" fmla="*/ 156841 h 279400"/>
                  <a:gd name="connsiteX17" fmla="*/ 202969 w 350433"/>
                  <a:gd name="connsiteY17" fmla="*/ 164291 h 279400"/>
                  <a:gd name="connsiteX18" fmla="*/ 194255 w 350433"/>
                  <a:gd name="connsiteY18" fmla="*/ 170531 h 279400"/>
                  <a:gd name="connsiteX19" fmla="*/ 184784 w 350433"/>
                  <a:gd name="connsiteY19" fmla="*/ 176026 h 279400"/>
                  <a:gd name="connsiteX20" fmla="*/ 176355 w 350433"/>
                  <a:gd name="connsiteY20" fmla="*/ 177796 h 279400"/>
                  <a:gd name="connsiteX21" fmla="*/ 176355 w 350433"/>
                  <a:gd name="connsiteY21" fmla="*/ 177796 h 279400"/>
                  <a:gd name="connsiteX22" fmla="*/ 167925 w 350433"/>
                  <a:gd name="connsiteY22" fmla="*/ 176026 h 279400"/>
                  <a:gd name="connsiteX23" fmla="*/ 158454 w 350433"/>
                  <a:gd name="connsiteY23" fmla="*/ 170531 h 279400"/>
                  <a:gd name="connsiteX24" fmla="*/ 149740 w 350433"/>
                  <a:gd name="connsiteY24" fmla="*/ 164291 h 279400"/>
                  <a:gd name="connsiteX25" fmla="*/ 140269 w 350433"/>
                  <a:gd name="connsiteY25" fmla="*/ 156841 h 279400"/>
                  <a:gd name="connsiteX26" fmla="*/ 133355 w 350433"/>
                  <a:gd name="connsiteY26" fmla="*/ 150973 h 279400"/>
                  <a:gd name="connsiteX27" fmla="*/ 54555 w 350433"/>
                  <a:gd name="connsiteY27" fmla="*/ 88108 h 279400"/>
                  <a:gd name="connsiteX28" fmla="*/ 26141 w 350433"/>
                  <a:gd name="connsiteY28" fmla="*/ 31762 h 279400"/>
                  <a:gd name="connsiteX29" fmla="*/ 28036 w 350433"/>
                  <a:gd name="connsiteY29" fmla="*/ 27292 h 279400"/>
                  <a:gd name="connsiteX30" fmla="*/ 32392 w 350433"/>
                  <a:gd name="connsiteY30" fmla="*/ 25429 h 279400"/>
                  <a:gd name="connsiteX31" fmla="*/ 319748 w 350433"/>
                  <a:gd name="connsiteY31" fmla="*/ 25429 h 279400"/>
                  <a:gd name="connsiteX32" fmla="*/ 322495 w 350433"/>
                  <a:gd name="connsiteY32" fmla="*/ 25429 h 279400"/>
                  <a:gd name="connsiteX33" fmla="*/ 324294 w 350433"/>
                  <a:gd name="connsiteY33" fmla="*/ 26920 h 279400"/>
                  <a:gd name="connsiteX34" fmla="*/ 325336 w 350433"/>
                  <a:gd name="connsiteY34" fmla="*/ 28689 h 279400"/>
                  <a:gd name="connsiteX35" fmla="*/ 325905 w 350433"/>
                  <a:gd name="connsiteY35" fmla="*/ 31204 h 279400"/>
                  <a:gd name="connsiteX36" fmla="*/ 325905 w 350433"/>
                  <a:gd name="connsiteY36" fmla="*/ 33718 h 279400"/>
                  <a:gd name="connsiteX37" fmla="*/ 325905 w 350433"/>
                  <a:gd name="connsiteY37" fmla="*/ 39120 h 279400"/>
                  <a:gd name="connsiteX38" fmla="*/ 316433 w 350433"/>
                  <a:gd name="connsiteY38" fmla="*/ 65197 h 279400"/>
                  <a:gd name="connsiteX39" fmla="*/ 323726 w 350433"/>
                  <a:gd name="connsiteY39" fmla="*/ 252116 h 279400"/>
                  <a:gd name="connsiteX40" fmla="*/ 319275 w 350433"/>
                  <a:gd name="connsiteY40" fmla="*/ 253979 h 279400"/>
                  <a:gd name="connsiteX41" fmla="*/ 31540 w 350433"/>
                  <a:gd name="connsiteY41" fmla="*/ 253979 h 279400"/>
                  <a:gd name="connsiteX42" fmla="*/ 27183 w 350433"/>
                  <a:gd name="connsiteY42" fmla="*/ 252116 h 279400"/>
                  <a:gd name="connsiteX43" fmla="*/ 25289 w 350433"/>
                  <a:gd name="connsiteY43" fmla="*/ 247646 h 279400"/>
                  <a:gd name="connsiteX44" fmla="*/ 25289 w 350433"/>
                  <a:gd name="connsiteY44" fmla="*/ 95279 h 279400"/>
                  <a:gd name="connsiteX45" fmla="*/ 38833 w 350433"/>
                  <a:gd name="connsiteY45" fmla="*/ 108318 h 279400"/>
                  <a:gd name="connsiteX46" fmla="*/ 122274 w 350433"/>
                  <a:gd name="connsiteY46" fmla="*/ 175374 h 279400"/>
                  <a:gd name="connsiteX47" fmla="*/ 138470 w 350433"/>
                  <a:gd name="connsiteY47" fmla="*/ 188692 h 279400"/>
                  <a:gd name="connsiteX48" fmla="*/ 155423 w 350433"/>
                  <a:gd name="connsiteY48" fmla="*/ 198005 h 279400"/>
                  <a:gd name="connsiteX49" fmla="*/ 175502 w 350433"/>
                  <a:gd name="connsiteY49" fmla="*/ 202848 h 279400"/>
                  <a:gd name="connsiteX50" fmla="*/ 175502 w 350433"/>
                  <a:gd name="connsiteY50" fmla="*/ 202848 h 279400"/>
                  <a:gd name="connsiteX51" fmla="*/ 195581 w 350433"/>
                  <a:gd name="connsiteY51" fmla="*/ 198005 h 279400"/>
                  <a:gd name="connsiteX52" fmla="*/ 212534 w 350433"/>
                  <a:gd name="connsiteY52" fmla="*/ 188692 h 279400"/>
                  <a:gd name="connsiteX53" fmla="*/ 228825 w 350433"/>
                  <a:gd name="connsiteY53" fmla="*/ 175374 h 279400"/>
                  <a:gd name="connsiteX54" fmla="*/ 312266 w 350433"/>
                  <a:gd name="connsiteY54" fmla="*/ 108318 h 279400"/>
                  <a:gd name="connsiteX55" fmla="*/ 325715 w 350433"/>
                  <a:gd name="connsiteY55" fmla="*/ 95279 h 279400"/>
                  <a:gd name="connsiteX56" fmla="*/ 325715 w 350433"/>
                  <a:gd name="connsiteY56" fmla="*/ 247646 h 279400"/>
                  <a:gd name="connsiteX57" fmla="*/ 323916 w 350433"/>
                  <a:gd name="connsiteY57" fmla="*/ 252116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</a:cxnLst>
                <a:rect l="l" t="t" r="r" b="b"/>
                <a:pathLst>
                  <a:path w="350433" h="279400">
                    <a:moveTo>
                      <a:pt x="342006" y="9317"/>
                    </a:moveTo>
                    <a:cubicBezTo>
                      <a:pt x="336263" y="3252"/>
                      <a:pt x="328174" y="-133"/>
                      <a:pt x="319748" y="4"/>
                    </a:cubicBezTo>
                    <a:lnTo>
                      <a:pt x="31540" y="4"/>
                    </a:lnTo>
                    <a:cubicBezTo>
                      <a:pt x="23170" y="-127"/>
                      <a:pt x="15142" y="3261"/>
                      <a:pt x="9472" y="9317"/>
                    </a:cubicBezTo>
                    <a:cubicBezTo>
                      <a:pt x="3351" y="15227"/>
                      <a:pt x="-67" y="23327"/>
                      <a:pt x="1" y="31762"/>
                    </a:cubicBezTo>
                    <a:lnTo>
                      <a:pt x="1" y="247646"/>
                    </a:lnTo>
                    <a:cubicBezTo>
                      <a:pt x="-67" y="256081"/>
                      <a:pt x="3351" y="264181"/>
                      <a:pt x="9472" y="270091"/>
                    </a:cubicBezTo>
                    <a:cubicBezTo>
                      <a:pt x="15142" y="276147"/>
                      <a:pt x="23170" y="279535"/>
                      <a:pt x="31540" y="279404"/>
                    </a:cubicBezTo>
                    <a:lnTo>
                      <a:pt x="319748" y="279404"/>
                    </a:lnTo>
                    <a:cubicBezTo>
                      <a:pt x="328141" y="279514"/>
                      <a:pt x="336191" y="276132"/>
                      <a:pt x="341911" y="270091"/>
                    </a:cubicBezTo>
                    <a:cubicBezTo>
                      <a:pt x="348041" y="264187"/>
                      <a:pt x="351461" y="256083"/>
                      <a:pt x="351382" y="247646"/>
                    </a:cubicBezTo>
                    <a:lnTo>
                      <a:pt x="351382" y="31762"/>
                    </a:lnTo>
                    <a:cubicBezTo>
                      <a:pt x="351461" y="23325"/>
                      <a:pt x="348041" y="15221"/>
                      <a:pt x="341911" y="9317"/>
                    </a:cubicBezTo>
                    <a:moveTo>
                      <a:pt x="317002" y="65197"/>
                    </a:moveTo>
                    <a:cubicBezTo>
                      <a:pt x="311769" y="73854"/>
                      <a:pt x="305112" y="81596"/>
                      <a:pt x="297302" y="88108"/>
                    </a:cubicBezTo>
                    <a:lnTo>
                      <a:pt x="218785" y="150973"/>
                    </a:lnTo>
                    <a:lnTo>
                      <a:pt x="211966" y="156841"/>
                    </a:lnTo>
                    <a:cubicBezTo>
                      <a:pt x="208178" y="160100"/>
                      <a:pt x="205147" y="162615"/>
                      <a:pt x="202969" y="164291"/>
                    </a:cubicBezTo>
                    <a:cubicBezTo>
                      <a:pt x="200790" y="165968"/>
                      <a:pt x="197854" y="168110"/>
                      <a:pt x="194255" y="170531"/>
                    </a:cubicBezTo>
                    <a:cubicBezTo>
                      <a:pt x="191316" y="172704"/>
                      <a:pt x="188139" y="174547"/>
                      <a:pt x="184784" y="176026"/>
                    </a:cubicBezTo>
                    <a:cubicBezTo>
                      <a:pt x="182122" y="177162"/>
                      <a:pt x="179256" y="177764"/>
                      <a:pt x="176355" y="177796"/>
                    </a:cubicBezTo>
                    <a:lnTo>
                      <a:pt x="176355" y="177796"/>
                    </a:lnTo>
                    <a:cubicBezTo>
                      <a:pt x="173455" y="177744"/>
                      <a:pt x="170593" y="177144"/>
                      <a:pt x="167925" y="176026"/>
                    </a:cubicBezTo>
                    <a:cubicBezTo>
                      <a:pt x="164578" y="174532"/>
                      <a:pt x="161403" y="172690"/>
                      <a:pt x="158454" y="170531"/>
                    </a:cubicBezTo>
                    <a:cubicBezTo>
                      <a:pt x="154855" y="168110"/>
                      <a:pt x="151919" y="166061"/>
                      <a:pt x="149740" y="164291"/>
                    </a:cubicBezTo>
                    <a:cubicBezTo>
                      <a:pt x="147562" y="162522"/>
                      <a:pt x="144531" y="160100"/>
                      <a:pt x="140269" y="156841"/>
                    </a:cubicBezTo>
                    <a:lnTo>
                      <a:pt x="133355" y="150973"/>
                    </a:lnTo>
                    <a:cubicBezTo>
                      <a:pt x="106078" y="129180"/>
                      <a:pt x="79812" y="108225"/>
                      <a:pt x="54555" y="88108"/>
                    </a:cubicBezTo>
                    <a:cubicBezTo>
                      <a:pt x="36570" y="74789"/>
                      <a:pt x="26037" y="53902"/>
                      <a:pt x="26141" y="31762"/>
                    </a:cubicBezTo>
                    <a:cubicBezTo>
                      <a:pt x="26135" y="30082"/>
                      <a:pt x="26818" y="28471"/>
                      <a:pt x="28036" y="27292"/>
                    </a:cubicBezTo>
                    <a:cubicBezTo>
                      <a:pt x="29134" y="26065"/>
                      <a:pt x="30731" y="25382"/>
                      <a:pt x="32392" y="25429"/>
                    </a:cubicBezTo>
                    <a:lnTo>
                      <a:pt x="319748" y="25429"/>
                    </a:lnTo>
                    <a:cubicBezTo>
                      <a:pt x="320652" y="25226"/>
                      <a:pt x="321591" y="25226"/>
                      <a:pt x="322495" y="25429"/>
                    </a:cubicBezTo>
                    <a:cubicBezTo>
                      <a:pt x="323248" y="25714"/>
                      <a:pt x="323881" y="26239"/>
                      <a:pt x="324294" y="26920"/>
                    </a:cubicBezTo>
                    <a:lnTo>
                      <a:pt x="325336" y="28689"/>
                    </a:lnTo>
                    <a:cubicBezTo>
                      <a:pt x="325767" y="29456"/>
                      <a:pt x="325965" y="30329"/>
                      <a:pt x="325905" y="31204"/>
                    </a:cubicBezTo>
                    <a:cubicBezTo>
                      <a:pt x="325905" y="32321"/>
                      <a:pt x="325905" y="33159"/>
                      <a:pt x="325905" y="33718"/>
                    </a:cubicBezTo>
                    <a:lnTo>
                      <a:pt x="325905" y="39120"/>
                    </a:lnTo>
                    <a:cubicBezTo>
                      <a:pt x="325266" y="48508"/>
                      <a:pt x="321987" y="57536"/>
                      <a:pt x="316433" y="65197"/>
                    </a:cubicBezTo>
                    <a:moveTo>
                      <a:pt x="323726" y="252116"/>
                    </a:moveTo>
                    <a:cubicBezTo>
                      <a:pt x="322563" y="253308"/>
                      <a:pt x="320955" y="253981"/>
                      <a:pt x="319275" y="253979"/>
                    </a:cubicBezTo>
                    <a:lnTo>
                      <a:pt x="31540" y="253979"/>
                    </a:lnTo>
                    <a:cubicBezTo>
                      <a:pt x="29888" y="253977"/>
                      <a:pt x="28311" y="253303"/>
                      <a:pt x="27183" y="252116"/>
                    </a:cubicBezTo>
                    <a:cubicBezTo>
                      <a:pt x="25983" y="250926"/>
                      <a:pt x="25303" y="249322"/>
                      <a:pt x="25289" y="247646"/>
                    </a:cubicBezTo>
                    <a:lnTo>
                      <a:pt x="25289" y="95279"/>
                    </a:lnTo>
                    <a:cubicBezTo>
                      <a:pt x="29420" y="99995"/>
                      <a:pt x="33951" y="104356"/>
                      <a:pt x="38833" y="108318"/>
                    </a:cubicBezTo>
                    <a:cubicBezTo>
                      <a:pt x="73813" y="135575"/>
                      <a:pt x="101627" y="157927"/>
                      <a:pt x="122274" y="175374"/>
                    </a:cubicBezTo>
                    <a:cubicBezTo>
                      <a:pt x="128904" y="181148"/>
                      <a:pt x="134302" y="185526"/>
                      <a:pt x="138470" y="188692"/>
                    </a:cubicBezTo>
                    <a:cubicBezTo>
                      <a:pt x="143769" y="192380"/>
                      <a:pt x="149452" y="195502"/>
                      <a:pt x="155423" y="198005"/>
                    </a:cubicBezTo>
                    <a:cubicBezTo>
                      <a:pt x="161690" y="201004"/>
                      <a:pt x="168535" y="202655"/>
                      <a:pt x="175502" y="202848"/>
                    </a:cubicBezTo>
                    <a:lnTo>
                      <a:pt x="175502" y="202848"/>
                    </a:lnTo>
                    <a:cubicBezTo>
                      <a:pt x="182470" y="202663"/>
                      <a:pt x="189317" y="201012"/>
                      <a:pt x="195581" y="198005"/>
                    </a:cubicBezTo>
                    <a:cubicBezTo>
                      <a:pt x="201552" y="195502"/>
                      <a:pt x="207236" y="192380"/>
                      <a:pt x="212534" y="188692"/>
                    </a:cubicBezTo>
                    <a:cubicBezTo>
                      <a:pt x="216702" y="185526"/>
                      <a:pt x="222006" y="181148"/>
                      <a:pt x="228825" y="175374"/>
                    </a:cubicBezTo>
                    <a:cubicBezTo>
                      <a:pt x="249472" y="157989"/>
                      <a:pt x="277286" y="135637"/>
                      <a:pt x="312266" y="108318"/>
                    </a:cubicBezTo>
                    <a:cubicBezTo>
                      <a:pt x="317117" y="104355"/>
                      <a:pt x="321617" y="99993"/>
                      <a:pt x="325715" y="95279"/>
                    </a:cubicBezTo>
                    <a:lnTo>
                      <a:pt x="325715" y="247646"/>
                    </a:lnTo>
                    <a:cubicBezTo>
                      <a:pt x="325736" y="249310"/>
                      <a:pt x="325090" y="250916"/>
                      <a:pt x="323916" y="252116"/>
                    </a:cubicBezTo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279" name="Tekstvak 182">
              <a:extLst>
                <a:ext uri="{FF2B5EF4-FFF2-40B4-BE49-F238E27FC236}">
                  <a16:creationId xmlns="" xmlns:a16="http://schemas.microsoft.com/office/drawing/2014/main" id="{D71F71B3-12AF-4D8A-B232-3C1CC5D90A16}"/>
                </a:ext>
              </a:extLst>
            </p:cNvPr>
            <p:cNvSpPr txBox="1"/>
            <p:nvPr userDrawn="1"/>
          </p:nvSpPr>
          <p:spPr>
            <a:xfrm>
              <a:off x="5084416" y="6205837"/>
              <a:ext cx="824874" cy="70174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Отправить письмо по электронной почте</a:t>
              </a:r>
            </a:p>
          </p:txBody>
        </p:sp>
      </p:grpSp>
      <p:grpSp>
        <p:nvGrpSpPr>
          <p:cNvPr id="285" name="Group 284">
            <a:extLst>
              <a:ext uri="{FF2B5EF4-FFF2-40B4-BE49-F238E27FC236}">
                <a16:creationId xmlns="" xmlns:a16="http://schemas.microsoft.com/office/drawing/2014/main" id="{48F10AAA-39CC-4031-9E53-37058C5DB282}"/>
              </a:ext>
            </a:extLst>
          </p:cNvPr>
          <p:cNvGrpSpPr/>
          <p:nvPr userDrawn="1"/>
        </p:nvGrpSpPr>
        <p:grpSpPr>
          <a:xfrm>
            <a:off x="7399317" y="6440973"/>
            <a:ext cx="1538929" cy="205629"/>
            <a:chOff x="4439927" y="6440972"/>
            <a:chExt cx="1154197" cy="205629"/>
          </a:xfrm>
        </p:grpSpPr>
        <p:sp>
          <p:nvSpPr>
            <p:cNvPr id="286" name="Graphic 71">
              <a:extLst>
                <a:ext uri="{FF2B5EF4-FFF2-40B4-BE49-F238E27FC236}">
                  <a16:creationId xmlns="" xmlns:a16="http://schemas.microsoft.com/office/drawing/2014/main" id="{ECF9AA9B-EA3E-4F69-9A7E-E84B802241A1}"/>
                </a:ext>
              </a:extLst>
            </p:cNvPr>
            <p:cNvSpPr/>
            <p:nvPr userDrawn="1"/>
          </p:nvSpPr>
          <p:spPr>
            <a:xfrm>
              <a:off x="4439927" y="6440972"/>
              <a:ext cx="168242" cy="205629"/>
            </a:xfrm>
            <a:custGeom>
              <a:avLst/>
              <a:gdLst>
                <a:gd name="connsiteX0" fmla="*/ 230429 w 228600"/>
                <a:gd name="connsiteY0" fmla="*/ 268131 h 279400"/>
                <a:gd name="connsiteX1" fmla="*/ 230429 w 228600"/>
                <a:gd name="connsiteY1" fmla="*/ 190086 h 279400"/>
                <a:gd name="connsiteX2" fmla="*/ 219456 w 228600"/>
                <a:gd name="connsiteY2" fmla="*/ 178816 h 279400"/>
                <a:gd name="connsiteX3" fmla="*/ 186538 w 228600"/>
                <a:gd name="connsiteY3" fmla="*/ 178816 h 279400"/>
                <a:gd name="connsiteX4" fmla="*/ 186538 w 228600"/>
                <a:gd name="connsiteY4" fmla="*/ 134112 h 279400"/>
                <a:gd name="connsiteX5" fmla="*/ 120701 w 228600"/>
                <a:gd name="connsiteY5" fmla="*/ 134112 h 279400"/>
                <a:gd name="connsiteX6" fmla="*/ 120701 w 228600"/>
                <a:gd name="connsiteY6" fmla="*/ 100584 h 279400"/>
                <a:gd name="connsiteX7" fmla="*/ 153436 w 228600"/>
                <a:gd name="connsiteY7" fmla="*/ 100584 h 279400"/>
                <a:gd name="connsiteX8" fmla="*/ 164592 w 228600"/>
                <a:gd name="connsiteY8" fmla="*/ 89409 h 279400"/>
                <a:gd name="connsiteX9" fmla="*/ 164592 w 228600"/>
                <a:gd name="connsiteY9" fmla="*/ 89315 h 279400"/>
                <a:gd name="connsiteX10" fmla="*/ 164592 w 228600"/>
                <a:gd name="connsiteY10" fmla="*/ 11270 h 279400"/>
                <a:gd name="connsiteX11" fmla="*/ 153528 w 228600"/>
                <a:gd name="connsiteY11" fmla="*/ 0 h 279400"/>
                <a:gd name="connsiteX12" fmla="*/ 153436 w 228600"/>
                <a:gd name="connsiteY12" fmla="*/ 0 h 279400"/>
                <a:gd name="connsiteX13" fmla="*/ 76992 w 228600"/>
                <a:gd name="connsiteY13" fmla="*/ 0 h 279400"/>
                <a:gd name="connsiteX14" fmla="*/ 65837 w 228600"/>
                <a:gd name="connsiteY14" fmla="*/ 11176 h 279400"/>
                <a:gd name="connsiteX15" fmla="*/ 65837 w 228600"/>
                <a:gd name="connsiteY15" fmla="*/ 11270 h 279400"/>
                <a:gd name="connsiteX16" fmla="*/ 65837 w 228600"/>
                <a:gd name="connsiteY16" fmla="*/ 89315 h 279400"/>
                <a:gd name="connsiteX17" fmla="*/ 76901 w 228600"/>
                <a:gd name="connsiteY17" fmla="*/ 100585 h 279400"/>
                <a:gd name="connsiteX18" fmla="*/ 76992 w 228600"/>
                <a:gd name="connsiteY18" fmla="*/ 100584 h 279400"/>
                <a:gd name="connsiteX19" fmla="*/ 109728 w 228600"/>
                <a:gd name="connsiteY19" fmla="*/ 100584 h 279400"/>
                <a:gd name="connsiteX20" fmla="*/ 109728 w 228600"/>
                <a:gd name="connsiteY20" fmla="*/ 134112 h 279400"/>
                <a:gd name="connsiteX21" fmla="*/ 43891 w 228600"/>
                <a:gd name="connsiteY21" fmla="*/ 134112 h 279400"/>
                <a:gd name="connsiteX22" fmla="*/ 43891 w 228600"/>
                <a:gd name="connsiteY22" fmla="*/ 178816 h 279400"/>
                <a:gd name="connsiteX23" fmla="*/ 11156 w 228600"/>
                <a:gd name="connsiteY23" fmla="*/ 178816 h 279400"/>
                <a:gd name="connsiteX24" fmla="*/ 0 w 228600"/>
                <a:gd name="connsiteY24" fmla="*/ 189992 h 279400"/>
                <a:gd name="connsiteX25" fmla="*/ 0 w 228600"/>
                <a:gd name="connsiteY25" fmla="*/ 190086 h 279400"/>
                <a:gd name="connsiteX26" fmla="*/ 0 w 228600"/>
                <a:gd name="connsiteY26" fmla="*/ 268131 h 279400"/>
                <a:gd name="connsiteX27" fmla="*/ 11064 w 228600"/>
                <a:gd name="connsiteY27" fmla="*/ 279401 h 279400"/>
                <a:gd name="connsiteX28" fmla="*/ 11156 w 228600"/>
                <a:gd name="connsiteY28" fmla="*/ 279400 h 279400"/>
                <a:gd name="connsiteX29" fmla="*/ 87600 w 228600"/>
                <a:gd name="connsiteY29" fmla="*/ 279400 h 279400"/>
                <a:gd name="connsiteX30" fmla="*/ 98755 w 228600"/>
                <a:gd name="connsiteY30" fmla="*/ 268225 h 279400"/>
                <a:gd name="connsiteX31" fmla="*/ 98755 w 228600"/>
                <a:gd name="connsiteY31" fmla="*/ 268131 h 279400"/>
                <a:gd name="connsiteX32" fmla="*/ 98755 w 228600"/>
                <a:gd name="connsiteY32" fmla="*/ 190086 h 279400"/>
                <a:gd name="connsiteX33" fmla="*/ 87691 w 228600"/>
                <a:gd name="connsiteY33" fmla="*/ 178816 h 279400"/>
                <a:gd name="connsiteX34" fmla="*/ 87600 w 228600"/>
                <a:gd name="connsiteY34" fmla="*/ 178816 h 279400"/>
                <a:gd name="connsiteX35" fmla="*/ 54864 w 228600"/>
                <a:gd name="connsiteY35" fmla="*/ 178816 h 279400"/>
                <a:gd name="connsiteX36" fmla="*/ 54864 w 228600"/>
                <a:gd name="connsiteY36" fmla="*/ 145288 h 279400"/>
                <a:gd name="connsiteX37" fmla="*/ 175565 w 228600"/>
                <a:gd name="connsiteY37" fmla="*/ 145288 h 279400"/>
                <a:gd name="connsiteX38" fmla="*/ 175565 w 228600"/>
                <a:gd name="connsiteY38" fmla="*/ 178816 h 279400"/>
                <a:gd name="connsiteX39" fmla="*/ 142829 w 228600"/>
                <a:gd name="connsiteY39" fmla="*/ 178816 h 279400"/>
                <a:gd name="connsiteX40" fmla="*/ 131674 w 228600"/>
                <a:gd name="connsiteY40" fmla="*/ 189992 h 279400"/>
                <a:gd name="connsiteX41" fmla="*/ 131674 w 228600"/>
                <a:gd name="connsiteY41" fmla="*/ 190086 h 279400"/>
                <a:gd name="connsiteX42" fmla="*/ 131674 w 228600"/>
                <a:gd name="connsiteY42" fmla="*/ 268131 h 279400"/>
                <a:gd name="connsiteX43" fmla="*/ 142737 w 228600"/>
                <a:gd name="connsiteY43" fmla="*/ 279401 h 279400"/>
                <a:gd name="connsiteX44" fmla="*/ 142829 w 228600"/>
                <a:gd name="connsiteY44" fmla="*/ 279400 h 279400"/>
                <a:gd name="connsiteX45" fmla="*/ 219456 w 228600"/>
                <a:gd name="connsiteY45" fmla="*/ 279400 h 279400"/>
                <a:gd name="connsiteX46" fmla="*/ 230611 w 228600"/>
                <a:gd name="connsiteY46" fmla="*/ 268225 h 279400"/>
                <a:gd name="connsiteX47" fmla="*/ 230612 w 228600"/>
                <a:gd name="connsiteY47" fmla="*/ 268131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</a:cxnLst>
              <a:rect l="l" t="t" r="r" b="b"/>
              <a:pathLst>
                <a:path w="228600" h="279400">
                  <a:moveTo>
                    <a:pt x="230429" y="268131"/>
                  </a:moveTo>
                  <a:lnTo>
                    <a:pt x="230429" y="190086"/>
                  </a:lnTo>
                  <a:cubicBezTo>
                    <a:pt x="230429" y="183898"/>
                    <a:pt x="225531" y="178868"/>
                    <a:pt x="219456" y="178816"/>
                  </a:cubicBezTo>
                  <a:lnTo>
                    <a:pt x="186538" y="178816"/>
                  </a:lnTo>
                  <a:lnTo>
                    <a:pt x="186538" y="134112"/>
                  </a:lnTo>
                  <a:lnTo>
                    <a:pt x="120701" y="134112"/>
                  </a:lnTo>
                  <a:lnTo>
                    <a:pt x="120701" y="100584"/>
                  </a:lnTo>
                  <a:lnTo>
                    <a:pt x="153436" y="100584"/>
                  </a:lnTo>
                  <a:cubicBezTo>
                    <a:pt x="159547" y="100636"/>
                    <a:pt x="164541" y="95632"/>
                    <a:pt x="164592" y="89409"/>
                  </a:cubicBezTo>
                  <a:cubicBezTo>
                    <a:pt x="164592" y="89378"/>
                    <a:pt x="164592" y="89346"/>
                    <a:pt x="164592" y="89315"/>
                  </a:cubicBezTo>
                  <a:lnTo>
                    <a:pt x="164592" y="11270"/>
                  </a:lnTo>
                  <a:cubicBezTo>
                    <a:pt x="164592" y="5046"/>
                    <a:pt x="159639" y="0"/>
                    <a:pt x="153528" y="0"/>
                  </a:cubicBezTo>
                  <a:cubicBezTo>
                    <a:pt x="153498" y="0"/>
                    <a:pt x="153467" y="0"/>
                    <a:pt x="153436" y="0"/>
                  </a:cubicBezTo>
                  <a:lnTo>
                    <a:pt x="76992" y="0"/>
                  </a:lnTo>
                  <a:cubicBezTo>
                    <a:pt x="70882" y="-51"/>
                    <a:pt x="65888" y="4952"/>
                    <a:pt x="65837" y="11176"/>
                  </a:cubicBezTo>
                  <a:cubicBezTo>
                    <a:pt x="65837" y="11207"/>
                    <a:pt x="65837" y="11238"/>
                    <a:pt x="65837" y="11270"/>
                  </a:cubicBezTo>
                  <a:lnTo>
                    <a:pt x="65837" y="89315"/>
                  </a:lnTo>
                  <a:cubicBezTo>
                    <a:pt x="65837" y="95539"/>
                    <a:pt x="70790" y="100585"/>
                    <a:pt x="76901" y="100585"/>
                  </a:cubicBezTo>
                  <a:cubicBezTo>
                    <a:pt x="76931" y="100585"/>
                    <a:pt x="76962" y="100585"/>
                    <a:pt x="76992" y="100584"/>
                  </a:cubicBezTo>
                  <a:lnTo>
                    <a:pt x="109728" y="100584"/>
                  </a:lnTo>
                  <a:lnTo>
                    <a:pt x="109728" y="134112"/>
                  </a:lnTo>
                  <a:lnTo>
                    <a:pt x="43891" y="134112"/>
                  </a:lnTo>
                  <a:lnTo>
                    <a:pt x="43891" y="178816"/>
                  </a:lnTo>
                  <a:lnTo>
                    <a:pt x="11156" y="178816"/>
                  </a:lnTo>
                  <a:cubicBezTo>
                    <a:pt x="5045" y="178765"/>
                    <a:pt x="51" y="183768"/>
                    <a:pt x="0" y="189992"/>
                  </a:cubicBezTo>
                  <a:cubicBezTo>
                    <a:pt x="0" y="190023"/>
                    <a:pt x="0" y="190054"/>
                    <a:pt x="0" y="190086"/>
                  </a:cubicBezTo>
                  <a:lnTo>
                    <a:pt x="0" y="268131"/>
                  </a:lnTo>
                  <a:cubicBezTo>
                    <a:pt x="0" y="274355"/>
                    <a:pt x="4953" y="279401"/>
                    <a:pt x="11064" y="279401"/>
                  </a:cubicBezTo>
                  <a:cubicBezTo>
                    <a:pt x="11094" y="279401"/>
                    <a:pt x="11125" y="279401"/>
                    <a:pt x="11156" y="279400"/>
                  </a:cubicBezTo>
                  <a:lnTo>
                    <a:pt x="87600" y="279400"/>
                  </a:lnTo>
                  <a:cubicBezTo>
                    <a:pt x="93710" y="279452"/>
                    <a:pt x="98704" y="274448"/>
                    <a:pt x="98755" y="268225"/>
                  </a:cubicBezTo>
                  <a:cubicBezTo>
                    <a:pt x="98755" y="268194"/>
                    <a:pt x="98755" y="268162"/>
                    <a:pt x="98755" y="268131"/>
                  </a:cubicBezTo>
                  <a:lnTo>
                    <a:pt x="98755" y="190086"/>
                  </a:lnTo>
                  <a:cubicBezTo>
                    <a:pt x="98755" y="183862"/>
                    <a:pt x="93802" y="178816"/>
                    <a:pt x="87691" y="178816"/>
                  </a:cubicBezTo>
                  <a:cubicBezTo>
                    <a:pt x="87661" y="178816"/>
                    <a:pt x="87630" y="178816"/>
                    <a:pt x="87600" y="178816"/>
                  </a:cubicBezTo>
                  <a:lnTo>
                    <a:pt x="54864" y="178816"/>
                  </a:lnTo>
                  <a:lnTo>
                    <a:pt x="54864" y="145288"/>
                  </a:lnTo>
                  <a:lnTo>
                    <a:pt x="175565" y="145288"/>
                  </a:lnTo>
                  <a:lnTo>
                    <a:pt x="175565" y="178816"/>
                  </a:lnTo>
                  <a:lnTo>
                    <a:pt x="142829" y="178816"/>
                  </a:lnTo>
                  <a:cubicBezTo>
                    <a:pt x="136719" y="178765"/>
                    <a:pt x="131724" y="183768"/>
                    <a:pt x="131674" y="189992"/>
                  </a:cubicBezTo>
                  <a:cubicBezTo>
                    <a:pt x="131674" y="190023"/>
                    <a:pt x="131674" y="190054"/>
                    <a:pt x="131674" y="190086"/>
                  </a:cubicBezTo>
                  <a:lnTo>
                    <a:pt x="131674" y="268131"/>
                  </a:lnTo>
                  <a:cubicBezTo>
                    <a:pt x="131673" y="274355"/>
                    <a:pt x="136627" y="279401"/>
                    <a:pt x="142737" y="279401"/>
                  </a:cubicBezTo>
                  <a:cubicBezTo>
                    <a:pt x="142768" y="279401"/>
                    <a:pt x="142799" y="279401"/>
                    <a:pt x="142829" y="279400"/>
                  </a:cubicBezTo>
                  <a:lnTo>
                    <a:pt x="219456" y="279400"/>
                  </a:lnTo>
                  <a:cubicBezTo>
                    <a:pt x="225566" y="279452"/>
                    <a:pt x="230561" y="274448"/>
                    <a:pt x="230611" y="268225"/>
                  </a:cubicBezTo>
                  <a:cubicBezTo>
                    <a:pt x="230612" y="268194"/>
                    <a:pt x="230612" y="268162"/>
                    <a:pt x="230612" y="268131"/>
                  </a:cubicBezTo>
                </a:path>
              </a:pathLst>
            </a:custGeom>
            <a:solidFill>
              <a:schemeClr val="tx1"/>
            </a:solidFill>
            <a:ln w="914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accent2"/>
                </a:solidFill>
              </a:endParaRPr>
            </a:p>
          </p:txBody>
        </p:sp>
        <p:sp>
          <p:nvSpPr>
            <p:cNvPr id="287" name="Tekstvak 149">
              <a:extLst>
                <a:ext uri="{FF2B5EF4-FFF2-40B4-BE49-F238E27FC236}">
                  <a16:creationId xmlns="" xmlns:a16="http://schemas.microsoft.com/office/drawing/2014/main" id="{7DACFE88-4A4D-48E3-B90C-608D0EABEBAF}"/>
                </a:ext>
              </a:extLst>
            </p:cNvPr>
            <p:cNvSpPr txBox="1"/>
            <p:nvPr userDrawn="1"/>
          </p:nvSpPr>
          <p:spPr>
            <a:xfrm>
              <a:off x="4696928" y="6365541"/>
              <a:ext cx="898093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Дизайн исследования</a:t>
              </a:r>
            </a:p>
          </p:txBody>
        </p:sp>
      </p:grpSp>
      <p:grpSp>
        <p:nvGrpSpPr>
          <p:cNvPr id="288" name="Group 287">
            <a:extLst>
              <a:ext uri="{FF2B5EF4-FFF2-40B4-BE49-F238E27FC236}">
                <a16:creationId xmlns="" xmlns:a16="http://schemas.microsoft.com/office/drawing/2014/main" id="{B108C58B-5453-4DD8-A0D1-45BB643E3F7F}"/>
              </a:ext>
            </a:extLst>
          </p:cNvPr>
          <p:cNvGrpSpPr/>
          <p:nvPr userDrawn="1"/>
        </p:nvGrpSpPr>
        <p:grpSpPr>
          <a:xfrm>
            <a:off x="3756424" y="6455150"/>
            <a:ext cx="1427357" cy="199392"/>
            <a:chOff x="2097837" y="6611131"/>
            <a:chExt cx="1070518" cy="199392"/>
          </a:xfrm>
        </p:grpSpPr>
        <p:sp>
          <p:nvSpPr>
            <p:cNvPr id="289" name="Vrije vorm 194">
              <a:extLst>
                <a:ext uri="{FF2B5EF4-FFF2-40B4-BE49-F238E27FC236}">
                  <a16:creationId xmlns="" xmlns:a16="http://schemas.microsoft.com/office/drawing/2014/main" id="{BD3DBBE6-801A-43BD-A09B-F8370FAE819B}"/>
                </a:ext>
              </a:extLst>
            </p:cNvPr>
            <p:cNvSpPr/>
            <p:nvPr userDrawn="1"/>
          </p:nvSpPr>
          <p:spPr>
            <a:xfrm>
              <a:off x="2097837" y="6789960"/>
              <a:ext cx="41541" cy="20563"/>
            </a:xfrm>
            <a:custGeom>
              <a:avLst/>
              <a:gdLst>
                <a:gd name="connsiteX0" fmla="*/ 0 w 56444"/>
                <a:gd name="connsiteY0" fmla="*/ 0 h 27940"/>
                <a:gd name="connsiteX1" fmla="*/ 61336 w 56444"/>
                <a:gd name="connsiteY1" fmla="*/ 0 h 27940"/>
                <a:gd name="connsiteX2" fmla="*/ 61336 w 56444"/>
                <a:gd name="connsiteY2" fmla="*/ 36415 h 27940"/>
                <a:gd name="connsiteX3" fmla="*/ 0 w 56444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27940">
                  <a:moveTo>
                    <a:pt x="0" y="0"/>
                  </a:moveTo>
                  <a:lnTo>
                    <a:pt x="61336" y="0"/>
                  </a:lnTo>
                  <a:lnTo>
                    <a:pt x="61336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90" name="Vrije vorm 195">
              <a:extLst>
                <a:ext uri="{FF2B5EF4-FFF2-40B4-BE49-F238E27FC236}">
                  <a16:creationId xmlns="" xmlns:a16="http://schemas.microsoft.com/office/drawing/2014/main" id="{EBA5DA0B-D7D8-4181-8745-71C108E6CBFE}"/>
                </a:ext>
              </a:extLst>
            </p:cNvPr>
            <p:cNvSpPr/>
            <p:nvPr userDrawn="1"/>
          </p:nvSpPr>
          <p:spPr>
            <a:xfrm>
              <a:off x="2097837" y="6763091"/>
              <a:ext cx="41541" cy="13709"/>
            </a:xfrm>
            <a:custGeom>
              <a:avLst/>
              <a:gdLst>
                <a:gd name="connsiteX0" fmla="*/ 0 w 56444"/>
                <a:gd name="connsiteY0" fmla="*/ 0 h 18626"/>
                <a:gd name="connsiteX1" fmla="*/ 61336 w 56444"/>
                <a:gd name="connsiteY1" fmla="*/ 0 h 18626"/>
                <a:gd name="connsiteX2" fmla="*/ 61336 w 56444"/>
                <a:gd name="connsiteY2" fmla="*/ 24308 h 18626"/>
                <a:gd name="connsiteX3" fmla="*/ 0 w 56444"/>
                <a:gd name="connsiteY3" fmla="*/ 24308 h 18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18626">
                  <a:moveTo>
                    <a:pt x="0" y="0"/>
                  </a:moveTo>
                  <a:lnTo>
                    <a:pt x="61336" y="0"/>
                  </a:lnTo>
                  <a:lnTo>
                    <a:pt x="61336" y="24308"/>
                  </a:lnTo>
                  <a:lnTo>
                    <a:pt x="0" y="24308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91" name="Vrije vorm 196">
              <a:extLst>
                <a:ext uri="{FF2B5EF4-FFF2-40B4-BE49-F238E27FC236}">
                  <a16:creationId xmlns="" xmlns:a16="http://schemas.microsoft.com/office/drawing/2014/main" id="{28F3BDA6-7959-4A1D-85A6-8B4241C33C3C}"/>
                </a:ext>
              </a:extLst>
            </p:cNvPr>
            <p:cNvSpPr/>
            <p:nvPr userDrawn="1"/>
          </p:nvSpPr>
          <p:spPr>
            <a:xfrm>
              <a:off x="2097837" y="6673711"/>
              <a:ext cx="41541" cy="75398"/>
            </a:xfrm>
            <a:custGeom>
              <a:avLst/>
              <a:gdLst>
                <a:gd name="connsiteX0" fmla="*/ 0 w 56444"/>
                <a:gd name="connsiteY0" fmla="*/ 0 h 102446"/>
                <a:gd name="connsiteX1" fmla="*/ 61336 w 56444"/>
                <a:gd name="connsiteY1" fmla="*/ 0 h 102446"/>
                <a:gd name="connsiteX2" fmla="*/ 61336 w 56444"/>
                <a:gd name="connsiteY2" fmla="*/ 109339 h 102446"/>
                <a:gd name="connsiteX3" fmla="*/ 0 w 56444"/>
                <a:gd name="connsiteY3" fmla="*/ 109339 h 1024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102446">
                  <a:moveTo>
                    <a:pt x="0" y="0"/>
                  </a:moveTo>
                  <a:lnTo>
                    <a:pt x="61336" y="0"/>
                  </a:lnTo>
                  <a:lnTo>
                    <a:pt x="61336" y="109339"/>
                  </a:lnTo>
                  <a:lnTo>
                    <a:pt x="0" y="109339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92" name="Vrije vorm 197">
              <a:extLst>
                <a:ext uri="{FF2B5EF4-FFF2-40B4-BE49-F238E27FC236}">
                  <a16:creationId xmlns="" xmlns:a16="http://schemas.microsoft.com/office/drawing/2014/main" id="{2B0B66C4-A8E5-417B-B3C0-E477124614E6}"/>
                </a:ext>
              </a:extLst>
            </p:cNvPr>
            <p:cNvSpPr/>
            <p:nvPr userDrawn="1"/>
          </p:nvSpPr>
          <p:spPr>
            <a:xfrm>
              <a:off x="2097837" y="6629021"/>
              <a:ext cx="41541" cy="34272"/>
            </a:xfrm>
            <a:custGeom>
              <a:avLst/>
              <a:gdLst>
                <a:gd name="connsiteX0" fmla="*/ 0 w 56444"/>
                <a:gd name="connsiteY0" fmla="*/ 0 h 46566"/>
                <a:gd name="connsiteX1" fmla="*/ 61336 w 56444"/>
                <a:gd name="connsiteY1" fmla="*/ 0 h 46566"/>
                <a:gd name="connsiteX2" fmla="*/ 61336 w 56444"/>
                <a:gd name="connsiteY2" fmla="*/ 48616 h 46566"/>
                <a:gd name="connsiteX3" fmla="*/ 0 w 56444"/>
                <a:gd name="connsiteY3" fmla="*/ 48616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46566">
                  <a:moveTo>
                    <a:pt x="0" y="0"/>
                  </a:moveTo>
                  <a:lnTo>
                    <a:pt x="61336" y="0"/>
                  </a:lnTo>
                  <a:lnTo>
                    <a:pt x="61336" y="48616"/>
                  </a:lnTo>
                  <a:lnTo>
                    <a:pt x="0" y="4861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93" name="Vrije vorm 198">
              <a:extLst>
                <a:ext uri="{FF2B5EF4-FFF2-40B4-BE49-F238E27FC236}">
                  <a16:creationId xmlns="" xmlns:a16="http://schemas.microsoft.com/office/drawing/2014/main" id="{6164CC75-3377-45DC-AB51-FEDFE2D96C5E}"/>
                </a:ext>
              </a:extLst>
            </p:cNvPr>
            <p:cNvSpPr/>
            <p:nvPr userDrawn="1"/>
          </p:nvSpPr>
          <p:spPr>
            <a:xfrm>
              <a:off x="2152048" y="6789960"/>
              <a:ext cx="48465" cy="20563"/>
            </a:xfrm>
            <a:custGeom>
              <a:avLst/>
              <a:gdLst>
                <a:gd name="connsiteX0" fmla="*/ 0 w 65851"/>
                <a:gd name="connsiteY0" fmla="*/ 0 h 27940"/>
                <a:gd name="connsiteX1" fmla="*/ 73660 w 65851"/>
                <a:gd name="connsiteY1" fmla="*/ 0 h 27940"/>
                <a:gd name="connsiteX2" fmla="*/ 73660 w 65851"/>
                <a:gd name="connsiteY2" fmla="*/ 36415 h 27940"/>
                <a:gd name="connsiteX3" fmla="*/ 0 w 65851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27940">
                  <a:moveTo>
                    <a:pt x="0" y="0"/>
                  </a:moveTo>
                  <a:lnTo>
                    <a:pt x="73660" y="0"/>
                  </a:lnTo>
                  <a:lnTo>
                    <a:pt x="73660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94" name="Vrije vorm 199">
              <a:extLst>
                <a:ext uri="{FF2B5EF4-FFF2-40B4-BE49-F238E27FC236}">
                  <a16:creationId xmlns="" xmlns:a16="http://schemas.microsoft.com/office/drawing/2014/main" id="{42B1244A-7B76-46E7-959C-4371F5E5D698}"/>
                </a:ext>
              </a:extLst>
            </p:cNvPr>
            <p:cNvSpPr/>
            <p:nvPr userDrawn="1"/>
          </p:nvSpPr>
          <p:spPr>
            <a:xfrm>
              <a:off x="2152049" y="6754179"/>
              <a:ext cx="48465" cy="20563"/>
            </a:xfrm>
            <a:custGeom>
              <a:avLst/>
              <a:gdLst>
                <a:gd name="connsiteX0" fmla="*/ 0 w 65851"/>
                <a:gd name="connsiteY0" fmla="*/ 0 h 27940"/>
                <a:gd name="connsiteX1" fmla="*/ 73660 w 65851"/>
                <a:gd name="connsiteY1" fmla="*/ 0 h 27940"/>
                <a:gd name="connsiteX2" fmla="*/ 73660 w 65851"/>
                <a:gd name="connsiteY2" fmla="*/ 36415 h 27940"/>
                <a:gd name="connsiteX3" fmla="*/ 0 w 65851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27940">
                  <a:moveTo>
                    <a:pt x="0" y="0"/>
                  </a:moveTo>
                  <a:lnTo>
                    <a:pt x="73660" y="0"/>
                  </a:lnTo>
                  <a:lnTo>
                    <a:pt x="73660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95" name="Vrije vorm 200">
              <a:extLst>
                <a:ext uri="{FF2B5EF4-FFF2-40B4-BE49-F238E27FC236}">
                  <a16:creationId xmlns="" xmlns:a16="http://schemas.microsoft.com/office/drawing/2014/main" id="{A511DD14-B3D5-4F34-8EC3-2F7BA8E7F5FA}"/>
                </a:ext>
              </a:extLst>
            </p:cNvPr>
            <p:cNvSpPr/>
            <p:nvPr userDrawn="1"/>
          </p:nvSpPr>
          <p:spPr>
            <a:xfrm>
              <a:off x="2152048" y="6655821"/>
              <a:ext cx="48465" cy="89106"/>
            </a:xfrm>
            <a:custGeom>
              <a:avLst/>
              <a:gdLst>
                <a:gd name="connsiteX0" fmla="*/ 0 w 65851"/>
                <a:gd name="connsiteY0" fmla="*/ 0 h 121073"/>
                <a:gd name="connsiteX1" fmla="*/ 73660 w 65851"/>
                <a:gd name="connsiteY1" fmla="*/ 0 h 121073"/>
                <a:gd name="connsiteX2" fmla="*/ 73660 w 65851"/>
                <a:gd name="connsiteY2" fmla="*/ 121446 h 121073"/>
                <a:gd name="connsiteX3" fmla="*/ 0 w 65851"/>
                <a:gd name="connsiteY3" fmla="*/ 121446 h 1210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121072">
                  <a:moveTo>
                    <a:pt x="0" y="0"/>
                  </a:moveTo>
                  <a:lnTo>
                    <a:pt x="73660" y="0"/>
                  </a:lnTo>
                  <a:lnTo>
                    <a:pt x="73660" y="121446"/>
                  </a:lnTo>
                  <a:lnTo>
                    <a:pt x="0" y="12144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96" name="Vrije vorm 201">
              <a:extLst>
                <a:ext uri="{FF2B5EF4-FFF2-40B4-BE49-F238E27FC236}">
                  <a16:creationId xmlns="" xmlns:a16="http://schemas.microsoft.com/office/drawing/2014/main" id="{4FAAE871-48DD-4294-8CF4-4FA846FD2CD0}"/>
                </a:ext>
              </a:extLst>
            </p:cNvPr>
            <p:cNvSpPr/>
            <p:nvPr userDrawn="1"/>
          </p:nvSpPr>
          <p:spPr>
            <a:xfrm>
              <a:off x="2152048" y="6611131"/>
              <a:ext cx="48465" cy="34272"/>
            </a:xfrm>
            <a:custGeom>
              <a:avLst/>
              <a:gdLst>
                <a:gd name="connsiteX0" fmla="*/ 0 w 65851"/>
                <a:gd name="connsiteY0" fmla="*/ 0 h 46566"/>
                <a:gd name="connsiteX1" fmla="*/ 73660 w 65851"/>
                <a:gd name="connsiteY1" fmla="*/ 0 h 46566"/>
                <a:gd name="connsiteX2" fmla="*/ 73660 w 65851"/>
                <a:gd name="connsiteY2" fmla="*/ 48616 h 46566"/>
                <a:gd name="connsiteX3" fmla="*/ 0 w 65851"/>
                <a:gd name="connsiteY3" fmla="*/ 48616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46566">
                  <a:moveTo>
                    <a:pt x="0" y="0"/>
                  </a:moveTo>
                  <a:lnTo>
                    <a:pt x="73660" y="0"/>
                  </a:lnTo>
                  <a:lnTo>
                    <a:pt x="73660" y="48616"/>
                  </a:lnTo>
                  <a:lnTo>
                    <a:pt x="0" y="4861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97" name="Vrije vorm 202">
              <a:extLst>
                <a:ext uri="{FF2B5EF4-FFF2-40B4-BE49-F238E27FC236}">
                  <a16:creationId xmlns="" xmlns:a16="http://schemas.microsoft.com/office/drawing/2014/main" id="{BB007CC4-AE4A-4C1D-9077-02048E2B06B2}"/>
                </a:ext>
              </a:extLst>
            </p:cNvPr>
            <p:cNvSpPr/>
            <p:nvPr userDrawn="1"/>
          </p:nvSpPr>
          <p:spPr>
            <a:xfrm>
              <a:off x="2221055" y="6618327"/>
              <a:ext cx="41541" cy="34272"/>
            </a:xfrm>
            <a:custGeom>
              <a:avLst/>
              <a:gdLst>
                <a:gd name="connsiteX0" fmla="*/ 0 w 56444"/>
                <a:gd name="connsiteY0" fmla="*/ 5187 h 46566"/>
                <a:gd name="connsiteX1" fmla="*/ 61112 w 56444"/>
                <a:gd name="connsiteY1" fmla="*/ 0 h 46566"/>
                <a:gd name="connsiteX2" fmla="*/ 65307 w 56444"/>
                <a:gd name="connsiteY2" fmla="*/ 48438 h 46566"/>
                <a:gd name="connsiteX3" fmla="*/ 4195 w 56444"/>
                <a:gd name="connsiteY3" fmla="*/ 53625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46566">
                  <a:moveTo>
                    <a:pt x="0" y="5187"/>
                  </a:moveTo>
                  <a:lnTo>
                    <a:pt x="61112" y="0"/>
                  </a:lnTo>
                  <a:lnTo>
                    <a:pt x="65307" y="48438"/>
                  </a:lnTo>
                  <a:lnTo>
                    <a:pt x="4195" y="5362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98" name="Vrije vorm 203">
              <a:extLst>
                <a:ext uri="{FF2B5EF4-FFF2-40B4-BE49-F238E27FC236}">
                  <a16:creationId xmlns="" xmlns:a16="http://schemas.microsoft.com/office/drawing/2014/main" id="{5643432B-9B53-49BF-8C6E-C13DC514645C}"/>
                </a:ext>
              </a:extLst>
            </p:cNvPr>
            <p:cNvSpPr/>
            <p:nvPr userDrawn="1"/>
          </p:nvSpPr>
          <p:spPr>
            <a:xfrm>
              <a:off x="2224997" y="6662805"/>
              <a:ext cx="48465" cy="82252"/>
            </a:xfrm>
            <a:custGeom>
              <a:avLst/>
              <a:gdLst>
                <a:gd name="connsiteX0" fmla="*/ 0 w 65851"/>
                <a:gd name="connsiteY0" fmla="*/ 5176 h 111760"/>
                <a:gd name="connsiteX1" fmla="*/ 61113 w 65851"/>
                <a:gd name="connsiteY1" fmla="*/ 0 h 111760"/>
                <a:gd name="connsiteX2" fmla="*/ 70528 w 65851"/>
                <a:gd name="connsiteY2" fmla="*/ 108941 h 111760"/>
                <a:gd name="connsiteX3" fmla="*/ 9414 w 65851"/>
                <a:gd name="connsiteY3" fmla="*/ 114117 h 1117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111760">
                  <a:moveTo>
                    <a:pt x="0" y="5176"/>
                  </a:moveTo>
                  <a:lnTo>
                    <a:pt x="61113" y="0"/>
                  </a:lnTo>
                  <a:lnTo>
                    <a:pt x="70528" y="108941"/>
                  </a:lnTo>
                  <a:lnTo>
                    <a:pt x="9414" y="114117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99" name="Vrije vorm 204">
              <a:extLst>
                <a:ext uri="{FF2B5EF4-FFF2-40B4-BE49-F238E27FC236}">
                  <a16:creationId xmlns="" xmlns:a16="http://schemas.microsoft.com/office/drawing/2014/main" id="{C39DDA1A-9762-4931-BBD5-0C1375590EBC}"/>
                </a:ext>
              </a:extLst>
            </p:cNvPr>
            <p:cNvSpPr/>
            <p:nvPr userDrawn="1"/>
          </p:nvSpPr>
          <p:spPr>
            <a:xfrm>
              <a:off x="2232680" y="6751887"/>
              <a:ext cx="41541" cy="20563"/>
            </a:xfrm>
            <a:custGeom>
              <a:avLst/>
              <a:gdLst>
                <a:gd name="connsiteX0" fmla="*/ 0 w 56444"/>
                <a:gd name="connsiteY0" fmla="*/ 5187 h 27940"/>
                <a:gd name="connsiteX1" fmla="*/ 61112 w 56444"/>
                <a:gd name="connsiteY1" fmla="*/ 0 h 27940"/>
                <a:gd name="connsiteX2" fmla="*/ 63209 w 56444"/>
                <a:gd name="connsiteY2" fmla="*/ 24219 h 27940"/>
                <a:gd name="connsiteX3" fmla="*/ 2097 w 56444"/>
                <a:gd name="connsiteY3" fmla="*/ 29406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27940">
                  <a:moveTo>
                    <a:pt x="0" y="5187"/>
                  </a:moveTo>
                  <a:lnTo>
                    <a:pt x="61112" y="0"/>
                  </a:lnTo>
                  <a:lnTo>
                    <a:pt x="63209" y="24219"/>
                  </a:lnTo>
                  <a:lnTo>
                    <a:pt x="2097" y="2940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00" name="Vrije vorm 205">
              <a:extLst>
                <a:ext uri="{FF2B5EF4-FFF2-40B4-BE49-F238E27FC236}">
                  <a16:creationId xmlns="" xmlns:a16="http://schemas.microsoft.com/office/drawing/2014/main" id="{F37382C9-A191-4BE1-A1E6-7AF364A7B066}"/>
                </a:ext>
              </a:extLst>
            </p:cNvPr>
            <p:cNvSpPr/>
            <p:nvPr userDrawn="1"/>
          </p:nvSpPr>
          <p:spPr>
            <a:xfrm>
              <a:off x="2236266" y="6778423"/>
              <a:ext cx="41541" cy="27417"/>
            </a:xfrm>
            <a:custGeom>
              <a:avLst/>
              <a:gdLst>
                <a:gd name="connsiteX0" fmla="*/ 0 w 56444"/>
                <a:gd name="connsiteY0" fmla="*/ 5465 h 37253"/>
                <a:gd name="connsiteX1" fmla="*/ 61336 w 56444"/>
                <a:gd name="connsiteY1" fmla="*/ 0 h 37253"/>
                <a:gd name="connsiteX2" fmla="*/ 64647 w 56444"/>
                <a:gd name="connsiteY2" fmla="*/ 36415 h 37253"/>
                <a:gd name="connsiteX3" fmla="*/ 3310 w 56444"/>
                <a:gd name="connsiteY3" fmla="*/ 41880 h 37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37253">
                  <a:moveTo>
                    <a:pt x="0" y="5465"/>
                  </a:moveTo>
                  <a:lnTo>
                    <a:pt x="61336" y="0"/>
                  </a:lnTo>
                  <a:lnTo>
                    <a:pt x="64647" y="36415"/>
                  </a:lnTo>
                  <a:lnTo>
                    <a:pt x="3310" y="41880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01" name="Tekstvak 193">
              <a:extLst>
                <a:ext uri="{FF2B5EF4-FFF2-40B4-BE49-F238E27FC236}">
                  <a16:creationId xmlns="" xmlns:a16="http://schemas.microsoft.com/office/drawing/2014/main" id="{23F309BE-B25C-4616-A526-43CE4C0F2D8E}"/>
                </a:ext>
              </a:extLst>
            </p:cNvPr>
            <p:cNvSpPr txBox="1"/>
            <p:nvPr userDrawn="1"/>
          </p:nvSpPr>
          <p:spPr>
            <a:xfrm>
              <a:off x="2365307" y="6537061"/>
              <a:ext cx="803851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Клинические исследования</a:t>
              </a:r>
            </a:p>
          </p:txBody>
        </p:sp>
      </p:grpSp>
      <p:grpSp>
        <p:nvGrpSpPr>
          <p:cNvPr id="302" name="Groep 178">
            <a:extLst>
              <a:ext uri="{FF2B5EF4-FFF2-40B4-BE49-F238E27FC236}">
                <a16:creationId xmlns="" xmlns:a16="http://schemas.microsoft.com/office/drawing/2014/main" id="{8DF23E64-9691-403B-B1C5-2A3C784C06D0}"/>
              </a:ext>
            </a:extLst>
          </p:cNvPr>
          <p:cNvGrpSpPr/>
          <p:nvPr userDrawn="1"/>
        </p:nvGrpSpPr>
        <p:grpSpPr>
          <a:xfrm>
            <a:off x="6274707" y="6455151"/>
            <a:ext cx="1299431" cy="205629"/>
            <a:chOff x="1983484" y="6455150"/>
            <a:chExt cx="974573" cy="205629"/>
          </a:xfrm>
        </p:grpSpPr>
        <p:sp>
          <p:nvSpPr>
            <p:cNvPr id="303" name="Graphic 27">
              <a:extLst>
                <a:ext uri="{FF2B5EF4-FFF2-40B4-BE49-F238E27FC236}">
                  <a16:creationId xmlns="" xmlns:a16="http://schemas.microsoft.com/office/drawing/2014/main" id="{1E9FC888-6000-4028-81B3-B6842D398E39}"/>
                </a:ext>
              </a:extLst>
            </p:cNvPr>
            <p:cNvSpPr/>
            <p:nvPr/>
          </p:nvSpPr>
          <p:spPr>
            <a:xfrm>
              <a:off x="1983484" y="6455150"/>
              <a:ext cx="205629" cy="205629"/>
            </a:xfrm>
            <a:custGeom>
              <a:avLst/>
              <a:gdLst>
                <a:gd name="connsiteX0" fmla="*/ 140538 w 279400"/>
                <a:gd name="connsiteY0" fmla="*/ 109245 h 279400"/>
                <a:gd name="connsiteX1" fmla="*/ 194276 w 279400"/>
                <a:gd name="connsiteY1" fmla="*/ 0 h 279400"/>
                <a:gd name="connsiteX2" fmla="*/ 235255 w 279400"/>
                <a:gd name="connsiteY2" fmla="*/ 22445 h 279400"/>
                <a:gd name="connsiteX3" fmla="*/ 164567 w 279400"/>
                <a:gd name="connsiteY3" fmla="*/ 124426 h 279400"/>
                <a:gd name="connsiteX4" fmla="*/ 279400 w 279400"/>
                <a:gd name="connsiteY4" fmla="*/ 114833 h 279400"/>
                <a:gd name="connsiteX5" fmla="*/ 279400 w 279400"/>
                <a:gd name="connsiteY5" fmla="*/ 161400 h 279400"/>
                <a:gd name="connsiteX6" fmla="*/ 165405 w 279400"/>
                <a:gd name="connsiteY6" fmla="*/ 152552 h 279400"/>
                <a:gd name="connsiteX7" fmla="*/ 234417 w 279400"/>
                <a:gd name="connsiteY7" fmla="*/ 256117 h 279400"/>
                <a:gd name="connsiteX8" fmla="*/ 192693 w 279400"/>
                <a:gd name="connsiteY8" fmla="*/ 277817 h 279400"/>
                <a:gd name="connsiteX9" fmla="*/ 140538 w 279400"/>
                <a:gd name="connsiteY9" fmla="*/ 166988 h 279400"/>
                <a:gd name="connsiteX10" fmla="*/ 85869 w 279400"/>
                <a:gd name="connsiteY10" fmla="*/ 279400 h 279400"/>
                <a:gd name="connsiteX11" fmla="*/ 45728 w 279400"/>
                <a:gd name="connsiteY11" fmla="*/ 256117 h 279400"/>
                <a:gd name="connsiteX12" fmla="*/ 115578 w 279400"/>
                <a:gd name="connsiteY12" fmla="*/ 153391 h 279400"/>
                <a:gd name="connsiteX13" fmla="*/ 0 w 279400"/>
                <a:gd name="connsiteY13" fmla="*/ 161400 h 279400"/>
                <a:gd name="connsiteX14" fmla="*/ 0 w 279400"/>
                <a:gd name="connsiteY14" fmla="*/ 114833 h 279400"/>
                <a:gd name="connsiteX15" fmla="*/ 116417 w 279400"/>
                <a:gd name="connsiteY15" fmla="*/ 124426 h 279400"/>
                <a:gd name="connsiteX16" fmla="*/ 43400 w 279400"/>
                <a:gd name="connsiteY16" fmla="*/ 23283 h 279400"/>
                <a:gd name="connsiteX17" fmla="*/ 85869 w 279400"/>
                <a:gd name="connsiteY17" fmla="*/ 0 h 279400"/>
                <a:gd name="connsiteX18" fmla="*/ 140538 w 279400"/>
                <a:gd name="connsiteY18" fmla="*/ 109245 h 279400"/>
                <a:gd name="connsiteX19" fmla="*/ 140538 w 279400"/>
                <a:gd name="connsiteY19" fmla="*/ 109245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79400" h="279400">
                  <a:moveTo>
                    <a:pt x="140538" y="109245"/>
                  </a:moveTo>
                  <a:lnTo>
                    <a:pt x="194276" y="0"/>
                  </a:lnTo>
                  <a:lnTo>
                    <a:pt x="235255" y="22445"/>
                  </a:lnTo>
                  <a:lnTo>
                    <a:pt x="164567" y="124426"/>
                  </a:lnTo>
                  <a:lnTo>
                    <a:pt x="279400" y="114833"/>
                  </a:lnTo>
                  <a:lnTo>
                    <a:pt x="279400" y="161400"/>
                  </a:lnTo>
                  <a:lnTo>
                    <a:pt x="165405" y="152552"/>
                  </a:lnTo>
                  <a:lnTo>
                    <a:pt x="234417" y="256117"/>
                  </a:lnTo>
                  <a:lnTo>
                    <a:pt x="192693" y="277817"/>
                  </a:lnTo>
                  <a:lnTo>
                    <a:pt x="140538" y="166988"/>
                  </a:lnTo>
                  <a:lnTo>
                    <a:pt x="85869" y="279400"/>
                  </a:lnTo>
                  <a:lnTo>
                    <a:pt x="45728" y="256117"/>
                  </a:lnTo>
                  <a:lnTo>
                    <a:pt x="115578" y="153391"/>
                  </a:lnTo>
                  <a:lnTo>
                    <a:pt x="0" y="161400"/>
                  </a:lnTo>
                  <a:lnTo>
                    <a:pt x="0" y="114833"/>
                  </a:lnTo>
                  <a:lnTo>
                    <a:pt x="116417" y="124426"/>
                  </a:lnTo>
                  <a:lnTo>
                    <a:pt x="43400" y="23283"/>
                  </a:lnTo>
                  <a:lnTo>
                    <a:pt x="85869" y="0"/>
                  </a:lnTo>
                  <a:lnTo>
                    <a:pt x="140538" y="109245"/>
                  </a:lnTo>
                  <a:lnTo>
                    <a:pt x="140538" y="109245"/>
                  </a:lnTo>
                  <a:close/>
                </a:path>
              </a:pathLst>
            </a:custGeom>
            <a:solidFill>
              <a:schemeClr val="tx1"/>
            </a:solidFill>
            <a:ln w="920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04" name="Tekstvak 191">
              <a:extLst>
                <a:ext uri="{FF2B5EF4-FFF2-40B4-BE49-F238E27FC236}">
                  <a16:creationId xmlns="" xmlns:a16="http://schemas.microsoft.com/office/drawing/2014/main" id="{697F950B-D4EF-4E35-AB24-97ED1D23E41D}"/>
                </a:ext>
              </a:extLst>
            </p:cNvPr>
            <p:cNvSpPr txBox="1"/>
            <p:nvPr/>
          </p:nvSpPr>
          <p:spPr>
            <a:xfrm>
              <a:off x="2280564" y="6467438"/>
              <a:ext cx="678170" cy="175435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Примечания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704671622"/>
      </p:ext>
    </p:extLst>
  </p:cSld>
  <p:clrMapOvr>
    <a:masterClrMapping/>
  </p:clrMapOvr>
  <p:transition/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ference -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" name="Tijdelijke aanduiding voor tekst 99">
            <a:extLst>
              <a:ext uri="{FF2B5EF4-FFF2-40B4-BE49-F238E27FC236}">
                <a16:creationId xmlns="" xmlns:a16="http://schemas.microsoft.com/office/drawing/2014/main" id="{0471F6D1-D1AA-7A42-AB18-C4DB220AAD80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839267" y="402736"/>
            <a:ext cx="10776999" cy="677774"/>
          </a:xfrm>
          <a:prstGeom prst="rect">
            <a:avLst/>
          </a:prstGeom>
        </p:spPr>
        <p:txBody>
          <a:bodyPr lIns="0" tIns="0" rIns="0" bIns="0" anchor="b"/>
          <a:lstStyle>
            <a:lvl1pPr marL="0" indent="0">
              <a:lnSpc>
                <a:spcPts val="2200"/>
              </a:lnSpc>
              <a:spcBef>
                <a:spcPct val="0"/>
              </a:spcBef>
              <a:buFontTx/>
              <a:buNone/>
              <a:tabLst>
                <a:tab pos="8267700" algn="l"/>
              </a:tabLst>
              <a:defRPr sz="2000" b="0" i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lnSpc>
                <a:spcPts val="1800"/>
              </a:lnSpc>
              <a:buFontTx/>
              <a:buNone/>
              <a:defRPr b="0" i="0">
                <a:solidFill>
                  <a:schemeClr val="tx2"/>
                </a:solidFill>
                <a:latin typeface="BISansNEXT" panose="02000503040000020004" pitchFamily="2" charset="0"/>
              </a:defRPr>
            </a:lvl2pPr>
            <a:lvl3pPr marL="914400" indent="0">
              <a:lnSpc>
                <a:spcPts val="1800"/>
              </a:lnSpc>
              <a:buFontTx/>
              <a:buNone/>
              <a:defRPr b="0" i="0">
                <a:solidFill>
                  <a:schemeClr val="tx2"/>
                </a:solidFill>
                <a:latin typeface="BISansNEXT" panose="02000503040000020004" pitchFamily="2" charset="0"/>
              </a:defRPr>
            </a:lvl3pPr>
            <a:lvl4pPr marL="1371600" indent="0">
              <a:lnSpc>
                <a:spcPts val="1800"/>
              </a:lnSpc>
              <a:buFontTx/>
              <a:buNone/>
              <a:defRPr b="0" i="0">
                <a:solidFill>
                  <a:schemeClr val="tx2"/>
                </a:solidFill>
                <a:latin typeface="BISansNEXT" panose="02000503040000020004" pitchFamily="2" charset="0"/>
              </a:defRPr>
            </a:lvl4pPr>
            <a:lvl5pPr marL="1828800" indent="0">
              <a:lnSpc>
                <a:spcPts val="1800"/>
              </a:lnSpc>
              <a:buFontTx/>
              <a:buNone/>
              <a:defRPr b="0" i="0">
                <a:solidFill>
                  <a:schemeClr val="tx2"/>
                </a:solidFill>
                <a:latin typeface="BISansNEXT" panose="02000503040000020004" pitchFamily="2" charset="0"/>
              </a:defRPr>
            </a:lvl5pPr>
          </a:lstStyle>
          <a:p>
            <a:pPr lvl="0"/>
            <a:r>
              <a:rPr lang="nl-NL"/>
              <a:t>Click and type title</a:t>
            </a:r>
          </a:p>
        </p:txBody>
      </p:sp>
      <p:cxnSp>
        <p:nvCxnSpPr>
          <p:cNvPr id="92" name="Rechte verbindingslijn 91">
            <a:extLst>
              <a:ext uri="{FF2B5EF4-FFF2-40B4-BE49-F238E27FC236}">
                <a16:creationId xmlns="" xmlns:a16="http://schemas.microsoft.com/office/drawing/2014/main" id="{3D1C2B8B-8771-194E-8B1B-466D235614FA}"/>
              </a:ext>
            </a:extLst>
          </p:cNvPr>
          <p:cNvCxnSpPr/>
          <p:nvPr userDrawn="1"/>
        </p:nvCxnSpPr>
        <p:spPr>
          <a:xfrm>
            <a:off x="840000" y="1152000"/>
            <a:ext cx="10800000" cy="0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73" name="Groep 72">
            <a:extLst>
              <a:ext uri="{FF2B5EF4-FFF2-40B4-BE49-F238E27FC236}">
                <a16:creationId xmlns="" xmlns:a16="http://schemas.microsoft.com/office/drawing/2014/main" id="{889ED4ED-1CEF-3748-9CD5-561042FFBD4F}"/>
              </a:ext>
            </a:extLst>
          </p:cNvPr>
          <p:cNvGrpSpPr/>
          <p:nvPr userDrawn="1"/>
        </p:nvGrpSpPr>
        <p:grpSpPr>
          <a:xfrm>
            <a:off x="2498182" y="107691"/>
            <a:ext cx="9203401" cy="205630"/>
            <a:chOff x="1873636" y="107691"/>
            <a:chExt cx="6902551" cy="205630"/>
          </a:xfrm>
        </p:grpSpPr>
        <p:grpSp>
          <p:nvGrpSpPr>
            <p:cNvPr id="80" name="Groep 160">
              <a:extLst>
                <a:ext uri="{FF2B5EF4-FFF2-40B4-BE49-F238E27FC236}">
                  <a16:creationId xmlns="" xmlns:a16="http://schemas.microsoft.com/office/drawing/2014/main" id="{A5743DA3-3E2C-2244-835A-455547859484}"/>
                </a:ext>
              </a:extLst>
            </p:cNvPr>
            <p:cNvGrpSpPr/>
            <p:nvPr/>
          </p:nvGrpSpPr>
          <p:grpSpPr>
            <a:xfrm>
              <a:off x="1873636" y="107692"/>
              <a:ext cx="736279" cy="205629"/>
              <a:chOff x="2096893" y="107692"/>
              <a:chExt cx="736279" cy="205629"/>
            </a:xfrm>
          </p:grpSpPr>
          <p:sp>
            <p:nvSpPr>
              <p:cNvPr id="106" name="Graphic 30">
                <a:extLst>
                  <a:ext uri="{FF2B5EF4-FFF2-40B4-BE49-F238E27FC236}">
                    <a16:creationId xmlns="" xmlns:a16="http://schemas.microsoft.com/office/drawing/2014/main" id="{9B09877C-704B-D64D-93E0-F600312C8C07}"/>
                  </a:ext>
                </a:extLst>
              </p:cNvPr>
              <p:cNvSpPr/>
              <p:nvPr/>
            </p:nvSpPr>
            <p:spPr>
              <a:xfrm>
                <a:off x="2096893" y="107692"/>
                <a:ext cx="177589" cy="205629"/>
              </a:xfrm>
              <a:custGeom>
                <a:avLst/>
                <a:gdLst>
                  <a:gd name="connsiteX0" fmla="*/ 244270 w 241300"/>
                  <a:gd name="connsiteY0" fmla="*/ 279400 h 279400"/>
                  <a:gd name="connsiteX1" fmla="*/ 174478 w 241300"/>
                  <a:gd name="connsiteY1" fmla="*/ 279400 h 279400"/>
                  <a:gd name="connsiteX2" fmla="*/ 174478 w 241300"/>
                  <a:gd name="connsiteY2" fmla="*/ 168478 h 279400"/>
                  <a:gd name="connsiteX3" fmla="*/ 69791 w 241300"/>
                  <a:gd name="connsiteY3" fmla="*/ 168478 h 279400"/>
                  <a:gd name="connsiteX4" fmla="*/ 69791 w 241300"/>
                  <a:gd name="connsiteY4" fmla="*/ 279400 h 279400"/>
                  <a:gd name="connsiteX5" fmla="*/ 0 w 241300"/>
                  <a:gd name="connsiteY5" fmla="*/ 279400 h 279400"/>
                  <a:gd name="connsiteX6" fmla="*/ 0 w 241300"/>
                  <a:gd name="connsiteY6" fmla="*/ 91457 h 279400"/>
                  <a:gd name="connsiteX7" fmla="*/ 122135 w 241300"/>
                  <a:gd name="connsiteY7" fmla="*/ 0 h 279400"/>
                  <a:gd name="connsiteX8" fmla="*/ 244270 w 241300"/>
                  <a:gd name="connsiteY8" fmla="*/ 91457 h 279400"/>
                  <a:gd name="connsiteX9" fmla="*/ 244270 w 241300"/>
                  <a:gd name="connsiteY9" fmla="*/ 279400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41300" h="279400">
                    <a:moveTo>
                      <a:pt x="244270" y="279400"/>
                    </a:moveTo>
                    <a:lnTo>
                      <a:pt x="174478" y="279400"/>
                    </a:lnTo>
                    <a:lnTo>
                      <a:pt x="174478" y="168478"/>
                    </a:lnTo>
                    <a:lnTo>
                      <a:pt x="69791" y="168478"/>
                    </a:lnTo>
                    <a:lnTo>
                      <a:pt x="69791" y="279400"/>
                    </a:lnTo>
                    <a:lnTo>
                      <a:pt x="0" y="279400"/>
                    </a:lnTo>
                    <a:lnTo>
                      <a:pt x="0" y="91457"/>
                    </a:lnTo>
                    <a:lnTo>
                      <a:pt x="122135" y="0"/>
                    </a:lnTo>
                    <a:lnTo>
                      <a:pt x="244270" y="91457"/>
                    </a:lnTo>
                    <a:lnTo>
                      <a:pt x="244270" y="279400"/>
                    </a:lnTo>
                    <a:close/>
                  </a:path>
                </a:pathLst>
              </a:custGeom>
              <a:solidFill>
                <a:schemeClr val="bg2"/>
              </a:solidFill>
              <a:ln w="915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/>
              </a:p>
            </p:txBody>
          </p:sp>
          <p:sp>
            <p:nvSpPr>
              <p:cNvPr id="107" name="Tekstvak 106">
                <a:extLst>
                  <a:ext uri="{FF2B5EF4-FFF2-40B4-BE49-F238E27FC236}">
                    <a16:creationId xmlns="" xmlns:a16="http://schemas.microsoft.com/office/drawing/2014/main" id="{3D488E1F-6686-A247-AEF0-77E3B814DF12}"/>
                  </a:ext>
                </a:extLst>
              </p:cNvPr>
              <p:cNvSpPr txBox="1"/>
              <p:nvPr/>
            </p:nvSpPr>
            <p:spPr>
              <a:xfrm>
                <a:off x="2407103" y="-56773"/>
                <a:ext cx="426495" cy="526306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Главная страница</a:t>
                </a:r>
              </a:p>
            </p:txBody>
          </p:sp>
        </p:grpSp>
        <p:grpSp>
          <p:nvGrpSpPr>
            <p:cNvPr id="81" name="Groep 161">
              <a:extLst>
                <a:ext uri="{FF2B5EF4-FFF2-40B4-BE49-F238E27FC236}">
                  <a16:creationId xmlns="" xmlns:a16="http://schemas.microsoft.com/office/drawing/2014/main" id="{4426A17E-CD46-0946-8F9E-669E864530C9}"/>
                </a:ext>
              </a:extLst>
            </p:cNvPr>
            <p:cNvGrpSpPr/>
            <p:nvPr/>
          </p:nvGrpSpPr>
          <p:grpSpPr>
            <a:xfrm>
              <a:off x="2828680" y="107691"/>
              <a:ext cx="1028176" cy="205629"/>
              <a:chOff x="3051937" y="107691"/>
              <a:chExt cx="1028176" cy="205629"/>
            </a:xfrm>
          </p:grpSpPr>
          <p:sp>
            <p:nvSpPr>
              <p:cNvPr id="104" name="Graphic 24">
                <a:extLst>
                  <a:ext uri="{FF2B5EF4-FFF2-40B4-BE49-F238E27FC236}">
                    <a16:creationId xmlns="" xmlns:a16="http://schemas.microsoft.com/office/drawing/2014/main" id="{79B20E21-8E79-C546-80EA-CFE000318550}"/>
                  </a:ext>
                </a:extLst>
              </p:cNvPr>
              <p:cNvSpPr/>
              <p:nvPr/>
            </p:nvSpPr>
            <p:spPr>
              <a:xfrm>
                <a:off x="3051937" y="107691"/>
                <a:ext cx="243017" cy="205629"/>
              </a:xfrm>
              <a:custGeom>
                <a:avLst/>
                <a:gdLst>
                  <a:gd name="connsiteX0" fmla="*/ 290953 w 330200"/>
                  <a:gd name="connsiteY0" fmla="*/ 108407 h 279400"/>
                  <a:gd name="connsiteX1" fmla="*/ 290953 w 330200"/>
                  <a:gd name="connsiteY1" fmla="*/ 62679 h 279400"/>
                  <a:gd name="connsiteX2" fmla="*/ 332181 w 330200"/>
                  <a:gd name="connsiteY2" fmla="*/ 62679 h 279400"/>
                  <a:gd name="connsiteX3" fmla="*/ 332181 w 330200"/>
                  <a:gd name="connsiteY3" fmla="*/ 0 h 279400"/>
                  <a:gd name="connsiteX4" fmla="*/ 236989 w 330200"/>
                  <a:gd name="connsiteY4" fmla="*/ 0 h 279400"/>
                  <a:gd name="connsiteX5" fmla="*/ 236989 w 330200"/>
                  <a:gd name="connsiteY5" fmla="*/ 25053 h 279400"/>
                  <a:gd name="connsiteX6" fmla="*/ 213687 w 330200"/>
                  <a:gd name="connsiteY6" fmla="*/ 25053 h 279400"/>
                  <a:gd name="connsiteX7" fmla="*/ 213687 w 330200"/>
                  <a:gd name="connsiteY7" fmla="*/ 0 h 279400"/>
                  <a:gd name="connsiteX8" fmla="*/ 118495 w 330200"/>
                  <a:gd name="connsiteY8" fmla="*/ 0 h 279400"/>
                  <a:gd name="connsiteX9" fmla="*/ 118495 w 330200"/>
                  <a:gd name="connsiteY9" fmla="*/ 25053 h 279400"/>
                  <a:gd name="connsiteX10" fmla="*/ 95192 w 330200"/>
                  <a:gd name="connsiteY10" fmla="*/ 25053 h 279400"/>
                  <a:gd name="connsiteX11" fmla="*/ 95192 w 330200"/>
                  <a:gd name="connsiteY11" fmla="*/ 0 h 279400"/>
                  <a:gd name="connsiteX12" fmla="*/ 0 w 330200"/>
                  <a:gd name="connsiteY12" fmla="*/ 0 h 279400"/>
                  <a:gd name="connsiteX13" fmla="*/ 0 w 330200"/>
                  <a:gd name="connsiteY13" fmla="*/ 62679 h 279400"/>
                  <a:gd name="connsiteX14" fmla="*/ 95192 w 330200"/>
                  <a:gd name="connsiteY14" fmla="*/ 62679 h 279400"/>
                  <a:gd name="connsiteX15" fmla="*/ 95192 w 330200"/>
                  <a:gd name="connsiteY15" fmla="*/ 37626 h 279400"/>
                  <a:gd name="connsiteX16" fmla="*/ 118495 w 330200"/>
                  <a:gd name="connsiteY16" fmla="*/ 37626 h 279400"/>
                  <a:gd name="connsiteX17" fmla="*/ 118495 w 330200"/>
                  <a:gd name="connsiteY17" fmla="*/ 62679 h 279400"/>
                  <a:gd name="connsiteX18" fmla="*/ 159722 w 330200"/>
                  <a:gd name="connsiteY18" fmla="*/ 62679 h 279400"/>
                  <a:gd name="connsiteX19" fmla="*/ 159722 w 330200"/>
                  <a:gd name="connsiteY19" fmla="*/ 108407 h 279400"/>
                  <a:gd name="connsiteX20" fmla="*/ 118495 w 330200"/>
                  <a:gd name="connsiteY20" fmla="*/ 108407 h 279400"/>
                  <a:gd name="connsiteX21" fmla="*/ 118495 w 330200"/>
                  <a:gd name="connsiteY21" fmla="*/ 170993 h 279400"/>
                  <a:gd name="connsiteX22" fmla="*/ 159722 w 330200"/>
                  <a:gd name="connsiteY22" fmla="*/ 170993 h 279400"/>
                  <a:gd name="connsiteX23" fmla="*/ 159722 w 330200"/>
                  <a:gd name="connsiteY23" fmla="*/ 216721 h 279400"/>
                  <a:gd name="connsiteX24" fmla="*/ 118495 w 330200"/>
                  <a:gd name="connsiteY24" fmla="*/ 216721 h 279400"/>
                  <a:gd name="connsiteX25" fmla="*/ 118495 w 330200"/>
                  <a:gd name="connsiteY25" fmla="*/ 279400 h 279400"/>
                  <a:gd name="connsiteX26" fmla="*/ 213687 w 330200"/>
                  <a:gd name="connsiteY26" fmla="*/ 279400 h 279400"/>
                  <a:gd name="connsiteX27" fmla="*/ 213687 w 330200"/>
                  <a:gd name="connsiteY27" fmla="*/ 216721 h 279400"/>
                  <a:gd name="connsiteX28" fmla="*/ 172459 w 330200"/>
                  <a:gd name="connsiteY28" fmla="*/ 216721 h 279400"/>
                  <a:gd name="connsiteX29" fmla="*/ 172459 w 330200"/>
                  <a:gd name="connsiteY29" fmla="*/ 170993 h 279400"/>
                  <a:gd name="connsiteX30" fmla="*/ 213687 w 330200"/>
                  <a:gd name="connsiteY30" fmla="*/ 170993 h 279400"/>
                  <a:gd name="connsiteX31" fmla="*/ 213687 w 330200"/>
                  <a:gd name="connsiteY31" fmla="*/ 108407 h 279400"/>
                  <a:gd name="connsiteX32" fmla="*/ 172459 w 330200"/>
                  <a:gd name="connsiteY32" fmla="*/ 108407 h 279400"/>
                  <a:gd name="connsiteX33" fmla="*/ 172459 w 330200"/>
                  <a:gd name="connsiteY33" fmla="*/ 62679 h 279400"/>
                  <a:gd name="connsiteX34" fmla="*/ 213687 w 330200"/>
                  <a:gd name="connsiteY34" fmla="*/ 62679 h 279400"/>
                  <a:gd name="connsiteX35" fmla="*/ 213687 w 330200"/>
                  <a:gd name="connsiteY35" fmla="*/ 37626 h 279400"/>
                  <a:gd name="connsiteX36" fmla="*/ 236989 w 330200"/>
                  <a:gd name="connsiteY36" fmla="*/ 37626 h 279400"/>
                  <a:gd name="connsiteX37" fmla="*/ 236989 w 330200"/>
                  <a:gd name="connsiteY37" fmla="*/ 62679 h 279400"/>
                  <a:gd name="connsiteX38" fmla="*/ 278217 w 330200"/>
                  <a:gd name="connsiteY38" fmla="*/ 62679 h 279400"/>
                  <a:gd name="connsiteX39" fmla="*/ 278217 w 330200"/>
                  <a:gd name="connsiteY39" fmla="*/ 108407 h 279400"/>
                  <a:gd name="connsiteX40" fmla="*/ 236989 w 330200"/>
                  <a:gd name="connsiteY40" fmla="*/ 108407 h 279400"/>
                  <a:gd name="connsiteX41" fmla="*/ 236989 w 330200"/>
                  <a:gd name="connsiteY41" fmla="*/ 170993 h 279400"/>
                  <a:gd name="connsiteX42" fmla="*/ 332181 w 330200"/>
                  <a:gd name="connsiteY42" fmla="*/ 170993 h 279400"/>
                  <a:gd name="connsiteX43" fmla="*/ 332181 w 330200"/>
                  <a:gd name="connsiteY43" fmla="*/ 108407 h 279400"/>
                  <a:gd name="connsiteX44" fmla="*/ 290953 w 330200"/>
                  <a:gd name="connsiteY44" fmla="*/ 108407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</a:cxnLst>
                <a:rect l="l" t="t" r="r" b="b"/>
                <a:pathLst>
                  <a:path w="330200" h="279400">
                    <a:moveTo>
                      <a:pt x="290953" y="108407"/>
                    </a:moveTo>
                    <a:lnTo>
                      <a:pt x="290953" y="62679"/>
                    </a:lnTo>
                    <a:lnTo>
                      <a:pt x="332181" y="62679"/>
                    </a:lnTo>
                    <a:lnTo>
                      <a:pt x="332181" y="0"/>
                    </a:lnTo>
                    <a:lnTo>
                      <a:pt x="236989" y="0"/>
                    </a:lnTo>
                    <a:lnTo>
                      <a:pt x="236989" y="25053"/>
                    </a:lnTo>
                    <a:lnTo>
                      <a:pt x="213687" y="25053"/>
                    </a:lnTo>
                    <a:lnTo>
                      <a:pt x="213687" y="0"/>
                    </a:lnTo>
                    <a:lnTo>
                      <a:pt x="118495" y="0"/>
                    </a:lnTo>
                    <a:lnTo>
                      <a:pt x="118495" y="25053"/>
                    </a:lnTo>
                    <a:lnTo>
                      <a:pt x="95192" y="25053"/>
                    </a:lnTo>
                    <a:lnTo>
                      <a:pt x="95192" y="0"/>
                    </a:lnTo>
                    <a:lnTo>
                      <a:pt x="0" y="0"/>
                    </a:lnTo>
                    <a:lnTo>
                      <a:pt x="0" y="62679"/>
                    </a:lnTo>
                    <a:lnTo>
                      <a:pt x="95192" y="62679"/>
                    </a:lnTo>
                    <a:lnTo>
                      <a:pt x="95192" y="37626"/>
                    </a:lnTo>
                    <a:lnTo>
                      <a:pt x="118495" y="37626"/>
                    </a:lnTo>
                    <a:lnTo>
                      <a:pt x="118495" y="62679"/>
                    </a:lnTo>
                    <a:lnTo>
                      <a:pt x="159722" y="62679"/>
                    </a:lnTo>
                    <a:lnTo>
                      <a:pt x="159722" y="108407"/>
                    </a:lnTo>
                    <a:lnTo>
                      <a:pt x="118495" y="108407"/>
                    </a:lnTo>
                    <a:lnTo>
                      <a:pt x="118495" y="170993"/>
                    </a:lnTo>
                    <a:lnTo>
                      <a:pt x="159722" y="170993"/>
                    </a:lnTo>
                    <a:lnTo>
                      <a:pt x="159722" y="216721"/>
                    </a:lnTo>
                    <a:lnTo>
                      <a:pt x="118495" y="216721"/>
                    </a:lnTo>
                    <a:lnTo>
                      <a:pt x="118495" y="279400"/>
                    </a:lnTo>
                    <a:lnTo>
                      <a:pt x="213687" y="279400"/>
                    </a:lnTo>
                    <a:lnTo>
                      <a:pt x="213687" y="216721"/>
                    </a:lnTo>
                    <a:lnTo>
                      <a:pt x="172459" y="216721"/>
                    </a:lnTo>
                    <a:lnTo>
                      <a:pt x="172459" y="170993"/>
                    </a:lnTo>
                    <a:lnTo>
                      <a:pt x="213687" y="170993"/>
                    </a:lnTo>
                    <a:lnTo>
                      <a:pt x="213687" y="108407"/>
                    </a:lnTo>
                    <a:lnTo>
                      <a:pt x="172459" y="108407"/>
                    </a:lnTo>
                    <a:lnTo>
                      <a:pt x="172459" y="62679"/>
                    </a:lnTo>
                    <a:lnTo>
                      <a:pt x="213687" y="62679"/>
                    </a:lnTo>
                    <a:lnTo>
                      <a:pt x="213687" y="37626"/>
                    </a:lnTo>
                    <a:lnTo>
                      <a:pt x="236989" y="37626"/>
                    </a:lnTo>
                    <a:lnTo>
                      <a:pt x="236989" y="62679"/>
                    </a:lnTo>
                    <a:lnTo>
                      <a:pt x="278217" y="62679"/>
                    </a:lnTo>
                    <a:lnTo>
                      <a:pt x="278217" y="108407"/>
                    </a:lnTo>
                    <a:lnTo>
                      <a:pt x="236989" y="108407"/>
                    </a:lnTo>
                    <a:lnTo>
                      <a:pt x="236989" y="170993"/>
                    </a:lnTo>
                    <a:lnTo>
                      <a:pt x="332181" y="170993"/>
                    </a:lnTo>
                    <a:lnTo>
                      <a:pt x="332181" y="108407"/>
                    </a:lnTo>
                    <a:lnTo>
                      <a:pt x="290953" y="108407"/>
                    </a:lnTo>
                    <a:close/>
                  </a:path>
                </a:pathLst>
              </a:custGeom>
              <a:solidFill>
                <a:schemeClr val="bg2"/>
              </a:solidFill>
              <a:ln w="9253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/>
              </a:p>
            </p:txBody>
          </p:sp>
          <p:sp>
            <p:nvSpPr>
              <p:cNvPr id="105" name="Tekstvak 104">
                <a:extLst>
                  <a:ext uri="{FF2B5EF4-FFF2-40B4-BE49-F238E27FC236}">
                    <a16:creationId xmlns="" xmlns:a16="http://schemas.microsoft.com/office/drawing/2014/main" id="{16F9D5CB-A833-CD42-A237-5E47D169B139}"/>
                  </a:ext>
                </a:extLst>
              </p:cNvPr>
              <p:cNvSpPr txBox="1"/>
              <p:nvPr/>
            </p:nvSpPr>
            <p:spPr>
              <a:xfrm>
                <a:off x="3416681" y="118662"/>
                <a:ext cx="664094" cy="17543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Карта сайта</a:t>
                </a:r>
              </a:p>
            </p:txBody>
          </p:sp>
        </p:grpSp>
        <p:grpSp>
          <p:nvGrpSpPr>
            <p:cNvPr id="82" name="Groep 162">
              <a:extLst>
                <a:ext uri="{FF2B5EF4-FFF2-40B4-BE49-F238E27FC236}">
                  <a16:creationId xmlns="" xmlns:a16="http://schemas.microsoft.com/office/drawing/2014/main" id="{C2FC5467-0F3F-BD49-AA87-5DA5016A04C5}"/>
                </a:ext>
              </a:extLst>
            </p:cNvPr>
            <p:cNvGrpSpPr/>
            <p:nvPr/>
          </p:nvGrpSpPr>
          <p:grpSpPr>
            <a:xfrm>
              <a:off x="3983440" y="107691"/>
              <a:ext cx="1098711" cy="205629"/>
              <a:chOff x="4325235" y="107691"/>
              <a:chExt cx="1098711" cy="205629"/>
            </a:xfrm>
          </p:grpSpPr>
          <p:sp>
            <p:nvSpPr>
              <p:cNvPr id="102" name="Graphic 13">
                <a:extLst>
                  <a:ext uri="{FF2B5EF4-FFF2-40B4-BE49-F238E27FC236}">
                    <a16:creationId xmlns="" xmlns:a16="http://schemas.microsoft.com/office/drawing/2014/main" id="{9B6FF87A-6B00-C644-B5B5-BD6A144755B3}"/>
                  </a:ext>
                </a:extLst>
              </p:cNvPr>
              <p:cNvSpPr/>
              <p:nvPr/>
            </p:nvSpPr>
            <p:spPr>
              <a:xfrm>
                <a:off x="4325235" y="107691"/>
                <a:ext cx="217526" cy="205629"/>
              </a:xfrm>
              <a:custGeom>
                <a:avLst/>
                <a:gdLst>
                  <a:gd name="connsiteX0" fmla="*/ 203200 w 295563"/>
                  <a:gd name="connsiteY0" fmla="*/ 254068 h 279400"/>
                  <a:gd name="connsiteX1" fmla="*/ 149537 w 295563"/>
                  <a:gd name="connsiteY1" fmla="*/ 219981 h 279400"/>
                  <a:gd name="connsiteX2" fmla="*/ 96797 w 295563"/>
                  <a:gd name="connsiteY2" fmla="*/ 255372 h 279400"/>
                  <a:gd name="connsiteX3" fmla="*/ 112314 w 295563"/>
                  <a:gd name="connsiteY3" fmla="*/ 193345 h 279400"/>
                  <a:gd name="connsiteX4" fmla="*/ 62253 w 295563"/>
                  <a:gd name="connsiteY4" fmla="*/ 153670 h 279400"/>
                  <a:gd name="connsiteX5" fmla="*/ 125522 w 295563"/>
                  <a:gd name="connsiteY5" fmla="*/ 149479 h 279400"/>
                  <a:gd name="connsiteX6" fmla="*/ 147782 w 295563"/>
                  <a:gd name="connsiteY6" fmla="*/ 89501 h 279400"/>
                  <a:gd name="connsiteX7" fmla="*/ 171150 w 295563"/>
                  <a:gd name="connsiteY7" fmla="*/ 149013 h 279400"/>
                  <a:gd name="connsiteX8" fmla="*/ 234511 w 295563"/>
                  <a:gd name="connsiteY8" fmla="*/ 151714 h 279400"/>
                  <a:gd name="connsiteX9" fmla="*/ 185836 w 295563"/>
                  <a:gd name="connsiteY9" fmla="*/ 192600 h 279400"/>
                  <a:gd name="connsiteX10" fmla="*/ 108435 w 295563"/>
                  <a:gd name="connsiteY10" fmla="*/ 24308 h 279400"/>
                  <a:gd name="connsiteX11" fmla="*/ 192763 w 295563"/>
                  <a:gd name="connsiteY11" fmla="*/ 24308 h 279400"/>
                  <a:gd name="connsiteX12" fmla="*/ 192763 w 295563"/>
                  <a:gd name="connsiteY12" fmla="*/ 60723 h 279400"/>
                  <a:gd name="connsiteX13" fmla="*/ 108435 w 295563"/>
                  <a:gd name="connsiteY13" fmla="*/ 60723 h 279400"/>
                  <a:gd name="connsiteX14" fmla="*/ 228508 w 295563"/>
                  <a:gd name="connsiteY14" fmla="*/ 60723 h 279400"/>
                  <a:gd name="connsiteX15" fmla="*/ 228508 w 295563"/>
                  <a:gd name="connsiteY15" fmla="*/ 0 h 279400"/>
                  <a:gd name="connsiteX16" fmla="*/ 71489 w 295563"/>
                  <a:gd name="connsiteY16" fmla="*/ 0 h 279400"/>
                  <a:gd name="connsiteX17" fmla="*/ 71489 w 295563"/>
                  <a:gd name="connsiteY17" fmla="*/ 60723 h 279400"/>
                  <a:gd name="connsiteX18" fmla="*/ 0 w 295563"/>
                  <a:gd name="connsiteY18" fmla="*/ 60723 h 279400"/>
                  <a:gd name="connsiteX19" fmla="*/ 0 w 295563"/>
                  <a:gd name="connsiteY19" fmla="*/ 279400 h 279400"/>
                  <a:gd name="connsiteX20" fmla="*/ 301198 w 295563"/>
                  <a:gd name="connsiteY20" fmla="*/ 279400 h 279400"/>
                  <a:gd name="connsiteX21" fmla="*/ 301198 w 295563"/>
                  <a:gd name="connsiteY21" fmla="*/ 60723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295563" h="279400">
                    <a:moveTo>
                      <a:pt x="203200" y="254068"/>
                    </a:moveTo>
                    <a:lnTo>
                      <a:pt x="149537" y="219981"/>
                    </a:lnTo>
                    <a:lnTo>
                      <a:pt x="96797" y="255372"/>
                    </a:lnTo>
                    <a:lnTo>
                      <a:pt x="112314" y="193345"/>
                    </a:lnTo>
                    <a:lnTo>
                      <a:pt x="62253" y="153670"/>
                    </a:lnTo>
                    <a:lnTo>
                      <a:pt x="125522" y="149479"/>
                    </a:lnTo>
                    <a:lnTo>
                      <a:pt x="147782" y="89501"/>
                    </a:lnTo>
                    <a:lnTo>
                      <a:pt x="171150" y="149013"/>
                    </a:lnTo>
                    <a:lnTo>
                      <a:pt x="234511" y="151714"/>
                    </a:lnTo>
                    <a:lnTo>
                      <a:pt x="185836" y="192600"/>
                    </a:lnTo>
                    <a:close/>
                    <a:moveTo>
                      <a:pt x="108435" y="24308"/>
                    </a:moveTo>
                    <a:lnTo>
                      <a:pt x="192763" y="24308"/>
                    </a:lnTo>
                    <a:lnTo>
                      <a:pt x="192763" y="60723"/>
                    </a:lnTo>
                    <a:lnTo>
                      <a:pt x="108435" y="60723"/>
                    </a:lnTo>
                    <a:close/>
                    <a:moveTo>
                      <a:pt x="228508" y="60723"/>
                    </a:moveTo>
                    <a:lnTo>
                      <a:pt x="228508" y="0"/>
                    </a:lnTo>
                    <a:lnTo>
                      <a:pt x="71489" y="0"/>
                    </a:lnTo>
                    <a:lnTo>
                      <a:pt x="71489" y="60723"/>
                    </a:lnTo>
                    <a:lnTo>
                      <a:pt x="0" y="60723"/>
                    </a:lnTo>
                    <a:lnTo>
                      <a:pt x="0" y="279400"/>
                    </a:lnTo>
                    <a:lnTo>
                      <a:pt x="301198" y="279400"/>
                    </a:lnTo>
                    <a:lnTo>
                      <a:pt x="301198" y="60723"/>
                    </a:lnTo>
                    <a:close/>
                  </a:path>
                </a:pathLst>
              </a:custGeom>
              <a:solidFill>
                <a:schemeClr val="bg2"/>
              </a:solidFill>
              <a:ln w="9236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/>
              </a:p>
            </p:txBody>
          </p:sp>
          <p:sp>
            <p:nvSpPr>
              <p:cNvPr id="103" name="Tekstvak 102">
                <a:extLst>
                  <a:ext uri="{FF2B5EF4-FFF2-40B4-BE49-F238E27FC236}">
                    <a16:creationId xmlns="" xmlns:a16="http://schemas.microsoft.com/office/drawing/2014/main" id="{84734A41-4C6C-9646-87E0-2C262FD5978B}"/>
                  </a:ext>
                </a:extLst>
              </p:cNvPr>
              <p:cNvSpPr txBox="1"/>
              <p:nvPr/>
            </p:nvSpPr>
            <p:spPr>
              <a:xfrm>
                <a:off x="4667608" y="118662"/>
                <a:ext cx="757094" cy="17543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Ресурсы</a:t>
                </a:r>
              </a:p>
            </p:txBody>
          </p:sp>
        </p:grpSp>
        <p:grpSp>
          <p:nvGrpSpPr>
            <p:cNvPr id="83" name="Groep 163">
              <a:extLst>
                <a:ext uri="{FF2B5EF4-FFF2-40B4-BE49-F238E27FC236}">
                  <a16:creationId xmlns="" xmlns:a16="http://schemas.microsoft.com/office/drawing/2014/main" id="{27586275-32E0-B944-89BE-7933073B2325}"/>
                </a:ext>
              </a:extLst>
            </p:cNvPr>
            <p:cNvGrpSpPr/>
            <p:nvPr/>
          </p:nvGrpSpPr>
          <p:grpSpPr>
            <a:xfrm>
              <a:off x="5304417" y="107691"/>
              <a:ext cx="1336020" cy="205629"/>
              <a:chOff x="5417588" y="107691"/>
              <a:chExt cx="1336020" cy="205629"/>
            </a:xfrm>
          </p:grpSpPr>
          <p:grpSp>
            <p:nvGrpSpPr>
              <p:cNvPr id="97" name="Graphic 33">
                <a:extLst>
                  <a:ext uri="{FF2B5EF4-FFF2-40B4-BE49-F238E27FC236}">
                    <a16:creationId xmlns="" xmlns:a16="http://schemas.microsoft.com/office/drawing/2014/main" id="{42A1F451-06BB-7C40-BBF2-5E6027192286}"/>
                  </a:ext>
                </a:extLst>
              </p:cNvPr>
              <p:cNvGrpSpPr/>
              <p:nvPr/>
            </p:nvGrpSpPr>
            <p:grpSpPr>
              <a:xfrm>
                <a:off x="5417588" y="107691"/>
                <a:ext cx="189272" cy="205629"/>
                <a:chOff x="4438650" y="3289300"/>
                <a:chExt cx="257175" cy="279400"/>
              </a:xfrm>
              <a:solidFill>
                <a:schemeClr val="tx2"/>
              </a:solidFill>
            </p:grpSpPr>
            <p:sp>
              <p:nvSpPr>
                <p:cNvPr id="99" name="Vrije vorm 98">
                  <a:extLst>
                    <a:ext uri="{FF2B5EF4-FFF2-40B4-BE49-F238E27FC236}">
                      <a16:creationId xmlns="" xmlns:a16="http://schemas.microsoft.com/office/drawing/2014/main" id="{D8CFC608-1B84-B343-80B0-B77621B593F7}"/>
                    </a:ext>
                  </a:extLst>
                </p:cNvPr>
                <p:cNvSpPr/>
                <p:nvPr/>
              </p:nvSpPr>
              <p:spPr>
                <a:xfrm>
                  <a:off x="4541520" y="3335867"/>
                  <a:ext cx="47625" cy="74507"/>
                </a:xfrm>
                <a:custGeom>
                  <a:avLst/>
                  <a:gdLst>
                    <a:gd name="connsiteX0" fmla="*/ 57150 w 47625"/>
                    <a:gd name="connsiteY0" fmla="*/ 39302 h 74506"/>
                    <a:gd name="connsiteX1" fmla="*/ 28575 w 47625"/>
                    <a:gd name="connsiteY1" fmla="*/ 78418 h 74506"/>
                    <a:gd name="connsiteX2" fmla="*/ 0 w 47625"/>
                    <a:gd name="connsiteY2" fmla="*/ 39302 h 74506"/>
                    <a:gd name="connsiteX3" fmla="*/ 28575 w 47625"/>
                    <a:gd name="connsiteY3" fmla="*/ 0 h 74506"/>
                    <a:gd name="connsiteX4" fmla="*/ 57150 w 47625"/>
                    <a:gd name="connsiteY4" fmla="*/ 39116 h 7450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47625" h="74506">
                      <a:moveTo>
                        <a:pt x="57150" y="39302"/>
                      </a:moveTo>
                      <a:cubicBezTo>
                        <a:pt x="57150" y="61002"/>
                        <a:pt x="44387" y="78418"/>
                        <a:pt x="28575" y="78418"/>
                      </a:cubicBezTo>
                      <a:cubicBezTo>
                        <a:pt x="12764" y="78418"/>
                        <a:pt x="0" y="61002"/>
                        <a:pt x="0" y="39302"/>
                      </a:cubicBezTo>
                      <a:cubicBezTo>
                        <a:pt x="0" y="17602"/>
                        <a:pt x="12764" y="0"/>
                        <a:pt x="28575" y="0"/>
                      </a:cubicBezTo>
                      <a:cubicBezTo>
                        <a:pt x="44387" y="0"/>
                        <a:pt x="57150" y="17509"/>
                        <a:pt x="57150" y="39116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101" name="Vrije vorm 100">
                  <a:extLst>
                    <a:ext uri="{FF2B5EF4-FFF2-40B4-BE49-F238E27FC236}">
                      <a16:creationId xmlns="" xmlns:a16="http://schemas.microsoft.com/office/drawing/2014/main" id="{7FDA2648-C7DC-5341-B46F-B06FF2B65A4C}"/>
                    </a:ext>
                  </a:extLst>
                </p:cNvPr>
                <p:cNvSpPr/>
                <p:nvPr/>
              </p:nvSpPr>
              <p:spPr>
                <a:xfrm>
                  <a:off x="4438650" y="3289300"/>
                  <a:ext cx="257175" cy="279400"/>
                </a:xfrm>
                <a:custGeom>
                  <a:avLst/>
                  <a:gdLst>
                    <a:gd name="connsiteX0" fmla="*/ 0 w 257175"/>
                    <a:gd name="connsiteY0" fmla="*/ 0 h 279400"/>
                    <a:gd name="connsiteX1" fmla="*/ 0 w 257175"/>
                    <a:gd name="connsiteY1" fmla="*/ 279400 h 279400"/>
                    <a:gd name="connsiteX2" fmla="*/ 262890 w 257175"/>
                    <a:gd name="connsiteY2" fmla="*/ 279400 h 279400"/>
                    <a:gd name="connsiteX3" fmla="*/ 262890 w 257175"/>
                    <a:gd name="connsiteY3" fmla="*/ 0 h 279400"/>
                    <a:gd name="connsiteX4" fmla="*/ 240030 w 257175"/>
                    <a:gd name="connsiteY4" fmla="*/ 257048 h 279400"/>
                    <a:gd name="connsiteX5" fmla="*/ 194310 w 257175"/>
                    <a:gd name="connsiteY5" fmla="*/ 257048 h 279400"/>
                    <a:gd name="connsiteX6" fmla="*/ 194310 w 257175"/>
                    <a:gd name="connsiteY6" fmla="*/ 167640 h 279400"/>
                    <a:gd name="connsiteX7" fmla="*/ 170783 w 257175"/>
                    <a:gd name="connsiteY7" fmla="*/ 145288 h 279400"/>
                    <a:gd name="connsiteX8" fmla="*/ 92869 w 257175"/>
                    <a:gd name="connsiteY8" fmla="*/ 145288 h 279400"/>
                    <a:gd name="connsiteX9" fmla="*/ 68580 w 257175"/>
                    <a:gd name="connsiteY9" fmla="*/ 167640 h 279400"/>
                    <a:gd name="connsiteX10" fmla="*/ 68580 w 257175"/>
                    <a:gd name="connsiteY10" fmla="*/ 257048 h 279400"/>
                    <a:gd name="connsiteX11" fmla="*/ 22860 w 257175"/>
                    <a:gd name="connsiteY11" fmla="*/ 257048 h 279400"/>
                    <a:gd name="connsiteX12" fmla="*/ 22860 w 257175"/>
                    <a:gd name="connsiteY12" fmla="*/ 22352 h 279400"/>
                    <a:gd name="connsiteX13" fmla="*/ 240030 w 257175"/>
                    <a:gd name="connsiteY13" fmla="*/ 22352 h 279400"/>
                    <a:gd name="connsiteX14" fmla="*/ 240030 w 257175"/>
                    <a:gd name="connsiteY14" fmla="*/ 257048 h 2794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</a:cxnLst>
                  <a:rect l="l" t="t" r="r" b="b"/>
                  <a:pathLst>
                    <a:path w="257175" h="279400">
                      <a:moveTo>
                        <a:pt x="0" y="0"/>
                      </a:moveTo>
                      <a:lnTo>
                        <a:pt x="0" y="279400"/>
                      </a:lnTo>
                      <a:lnTo>
                        <a:pt x="262890" y="279400"/>
                      </a:lnTo>
                      <a:lnTo>
                        <a:pt x="262890" y="0"/>
                      </a:lnTo>
                      <a:close/>
                      <a:moveTo>
                        <a:pt x="240030" y="257048"/>
                      </a:moveTo>
                      <a:lnTo>
                        <a:pt x="194310" y="257048"/>
                      </a:lnTo>
                      <a:lnTo>
                        <a:pt x="194310" y="167640"/>
                      </a:lnTo>
                      <a:cubicBezTo>
                        <a:pt x="193999" y="155169"/>
                        <a:pt x="183541" y="145234"/>
                        <a:pt x="170783" y="145288"/>
                      </a:cubicBezTo>
                      <a:lnTo>
                        <a:pt x="92869" y="145288"/>
                      </a:lnTo>
                      <a:cubicBezTo>
                        <a:pt x="79955" y="145172"/>
                        <a:pt x="69243" y="155029"/>
                        <a:pt x="68580" y="167640"/>
                      </a:cubicBezTo>
                      <a:lnTo>
                        <a:pt x="68580" y="257048"/>
                      </a:lnTo>
                      <a:lnTo>
                        <a:pt x="22860" y="257048"/>
                      </a:lnTo>
                      <a:lnTo>
                        <a:pt x="22860" y="22352"/>
                      </a:lnTo>
                      <a:lnTo>
                        <a:pt x="240030" y="22352"/>
                      </a:lnTo>
                      <a:lnTo>
                        <a:pt x="240030" y="257048"/>
                      </a:lnTo>
                      <a:close/>
                    </a:path>
                  </a:pathLst>
                </a:custGeom>
                <a:solidFill>
                  <a:schemeClr val="bg2"/>
                </a:solidFill>
                <a:ln w="9525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</p:grpSp>
          <p:sp>
            <p:nvSpPr>
              <p:cNvPr id="98" name="Tekstvak 97">
                <a:extLst>
                  <a:ext uri="{FF2B5EF4-FFF2-40B4-BE49-F238E27FC236}">
                    <a16:creationId xmlns="" xmlns:a16="http://schemas.microsoft.com/office/drawing/2014/main" id="{5206FAC6-4396-6E44-ABA6-EE3AC63B2DCE}"/>
                  </a:ext>
                </a:extLst>
              </p:cNvPr>
              <p:cNvSpPr txBox="1"/>
              <p:nvPr/>
            </p:nvSpPr>
            <p:spPr>
              <a:xfrm>
                <a:off x="5731575" y="30945"/>
                <a:ext cx="1023055" cy="350871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Клинические случаи</a:t>
                </a:r>
              </a:p>
            </p:txBody>
          </p:sp>
        </p:grpSp>
        <p:grpSp>
          <p:nvGrpSpPr>
            <p:cNvPr id="84" name="Groep 83">
              <a:extLst>
                <a:ext uri="{FF2B5EF4-FFF2-40B4-BE49-F238E27FC236}">
                  <a16:creationId xmlns="" xmlns:a16="http://schemas.microsoft.com/office/drawing/2014/main" id="{DA4B66DB-27B3-C64E-8525-3F880A52F4D0}"/>
                </a:ext>
              </a:extLst>
            </p:cNvPr>
            <p:cNvGrpSpPr/>
            <p:nvPr/>
          </p:nvGrpSpPr>
          <p:grpSpPr>
            <a:xfrm>
              <a:off x="6852061" y="111117"/>
              <a:ext cx="713343" cy="198775"/>
              <a:chOff x="6846694" y="111117"/>
              <a:chExt cx="713343" cy="198775"/>
            </a:xfrm>
          </p:grpSpPr>
          <p:grpSp>
            <p:nvGrpSpPr>
              <p:cNvPr id="90" name="Graphic 65">
                <a:extLst>
                  <a:ext uri="{FF2B5EF4-FFF2-40B4-BE49-F238E27FC236}">
                    <a16:creationId xmlns="" xmlns:a16="http://schemas.microsoft.com/office/drawing/2014/main" id="{9F079889-F7A0-A74F-8D23-FCCB87AFCFF4}"/>
                  </a:ext>
                </a:extLst>
              </p:cNvPr>
              <p:cNvGrpSpPr/>
              <p:nvPr/>
            </p:nvGrpSpPr>
            <p:grpSpPr>
              <a:xfrm>
                <a:off x="6846694" y="111117"/>
                <a:ext cx="168242" cy="198775"/>
                <a:chOff x="4457700" y="3289300"/>
                <a:chExt cx="228600" cy="270087"/>
              </a:xfrm>
              <a:solidFill>
                <a:schemeClr val="bg2"/>
              </a:solidFill>
            </p:grpSpPr>
            <p:sp>
              <p:nvSpPr>
                <p:cNvPr id="93" name="Vrije vorm 92">
                  <a:extLst>
                    <a:ext uri="{FF2B5EF4-FFF2-40B4-BE49-F238E27FC236}">
                      <a16:creationId xmlns="" xmlns:a16="http://schemas.microsoft.com/office/drawing/2014/main" id="{79889C26-7125-C449-B312-291B899FD35F}"/>
                    </a:ext>
                  </a:extLst>
                </p:cNvPr>
                <p:cNvSpPr/>
                <p:nvPr/>
              </p:nvSpPr>
              <p:spPr>
                <a:xfrm>
                  <a:off x="4457700" y="3401433"/>
                  <a:ext cx="228600" cy="158327"/>
                </a:xfrm>
                <a:custGeom>
                  <a:avLst/>
                  <a:gdLst>
                    <a:gd name="connsiteX0" fmla="*/ 210952 w 228600"/>
                    <a:gd name="connsiteY0" fmla="*/ 167267 h 158326"/>
                    <a:gd name="connsiteX1" fmla="*/ 18197 w 228600"/>
                    <a:gd name="connsiteY1" fmla="*/ 167267 h 158326"/>
                    <a:gd name="connsiteX2" fmla="*/ 50932 w 228600"/>
                    <a:gd name="connsiteY2" fmla="*/ 101795 h 158326"/>
                    <a:gd name="connsiteX3" fmla="*/ 0 w 228600"/>
                    <a:gd name="connsiteY3" fmla="*/ 0 h 158326"/>
                    <a:gd name="connsiteX4" fmla="*/ 229149 w 228600"/>
                    <a:gd name="connsiteY4" fmla="*/ 0 h 158326"/>
                    <a:gd name="connsiteX5" fmla="*/ 178308 w 228600"/>
                    <a:gd name="connsiteY5" fmla="*/ 101236 h 158326"/>
                    <a:gd name="connsiteX6" fmla="*/ 210952 w 228600"/>
                    <a:gd name="connsiteY6" fmla="*/ 167267 h 15832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</a:cxnLst>
                  <a:rect l="l" t="t" r="r" b="b"/>
                  <a:pathLst>
                    <a:path w="228600" h="158326">
                      <a:moveTo>
                        <a:pt x="210952" y="167267"/>
                      </a:moveTo>
                      <a:lnTo>
                        <a:pt x="18197" y="167267"/>
                      </a:lnTo>
                      <a:lnTo>
                        <a:pt x="50932" y="101795"/>
                      </a:lnTo>
                      <a:lnTo>
                        <a:pt x="0" y="0"/>
                      </a:lnTo>
                      <a:lnTo>
                        <a:pt x="229149" y="0"/>
                      </a:lnTo>
                      <a:lnTo>
                        <a:pt x="178308" y="101236"/>
                      </a:lnTo>
                      <a:lnTo>
                        <a:pt x="210952" y="167267"/>
                      </a:lnTo>
                      <a:close/>
                    </a:path>
                  </a:pathLst>
                </a:custGeom>
                <a:grpFill/>
                <a:ln w="914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95" name="Vrije vorm 94">
                  <a:extLst>
                    <a:ext uri="{FF2B5EF4-FFF2-40B4-BE49-F238E27FC236}">
                      <a16:creationId xmlns="" xmlns:a16="http://schemas.microsoft.com/office/drawing/2014/main" id="{05D3CAFA-05C7-194E-A8C9-C3D6C7A1BE05}"/>
                    </a:ext>
                  </a:extLst>
                </p:cNvPr>
                <p:cNvSpPr/>
                <p:nvPr/>
              </p:nvSpPr>
              <p:spPr>
                <a:xfrm>
                  <a:off x="4599981" y="3312304"/>
                  <a:ext cx="36576" cy="65193"/>
                </a:xfrm>
                <a:custGeom>
                  <a:avLst/>
                  <a:gdLst>
                    <a:gd name="connsiteX0" fmla="*/ 22311 w 36576"/>
                    <a:gd name="connsiteY0" fmla="*/ 0 h 65193"/>
                    <a:gd name="connsiteX1" fmla="*/ 44257 w 36576"/>
                    <a:gd name="connsiteY1" fmla="*/ 0 h 65193"/>
                    <a:gd name="connsiteX2" fmla="*/ 21854 w 36576"/>
                    <a:gd name="connsiteY2" fmla="*/ 66870 h 65193"/>
                    <a:gd name="connsiteX3" fmla="*/ 0 w 36576"/>
                    <a:gd name="connsiteY3" fmla="*/ 66870 h 65193"/>
                    <a:gd name="connsiteX4" fmla="*/ 22311 w 36576"/>
                    <a:gd name="connsiteY4" fmla="*/ 0 h 6519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36576" h="65193">
                      <a:moveTo>
                        <a:pt x="22311" y="0"/>
                      </a:moveTo>
                      <a:lnTo>
                        <a:pt x="44257" y="0"/>
                      </a:lnTo>
                      <a:lnTo>
                        <a:pt x="21854" y="66870"/>
                      </a:lnTo>
                      <a:lnTo>
                        <a:pt x="0" y="66870"/>
                      </a:lnTo>
                      <a:lnTo>
                        <a:pt x="22311" y="0"/>
                      </a:lnTo>
                      <a:close/>
                    </a:path>
                  </a:pathLst>
                </a:custGeom>
                <a:grpFill/>
                <a:ln w="914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96" name="Vrije vorm 95">
                  <a:extLst>
                    <a:ext uri="{FF2B5EF4-FFF2-40B4-BE49-F238E27FC236}">
                      <a16:creationId xmlns="" xmlns:a16="http://schemas.microsoft.com/office/drawing/2014/main" id="{7E6DF177-3A83-A248-B998-9554C9B7A7E3}"/>
                    </a:ext>
                  </a:extLst>
                </p:cNvPr>
                <p:cNvSpPr/>
                <p:nvPr/>
              </p:nvSpPr>
              <p:spPr>
                <a:xfrm>
                  <a:off x="4608119" y="3289300"/>
                  <a:ext cx="45720" cy="46567"/>
                </a:xfrm>
                <a:custGeom>
                  <a:avLst/>
                  <a:gdLst>
                    <a:gd name="connsiteX0" fmla="*/ 49377 w 45720"/>
                    <a:gd name="connsiteY0" fmla="*/ 25053 h 46566"/>
                    <a:gd name="connsiteX1" fmla="*/ 24780 w 45720"/>
                    <a:gd name="connsiteY1" fmla="*/ 50292 h 46566"/>
                    <a:gd name="connsiteX2" fmla="*/ 0 w 45720"/>
                    <a:gd name="connsiteY2" fmla="*/ 25239 h 46566"/>
                    <a:gd name="connsiteX3" fmla="*/ 24597 w 45720"/>
                    <a:gd name="connsiteY3" fmla="*/ 0 h 46566"/>
                    <a:gd name="connsiteX4" fmla="*/ 24689 w 45720"/>
                    <a:gd name="connsiteY4" fmla="*/ 0 h 46566"/>
                    <a:gd name="connsiteX5" fmla="*/ 49377 w 45720"/>
                    <a:gd name="connsiteY5" fmla="*/ 25053 h 4656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</a:cxnLst>
                  <a:rect l="l" t="t" r="r" b="b"/>
                  <a:pathLst>
                    <a:path w="45720" h="46566">
                      <a:moveTo>
                        <a:pt x="49377" y="25053"/>
                      </a:moveTo>
                      <a:cubicBezTo>
                        <a:pt x="49428" y="38941"/>
                        <a:pt x="38415" y="50240"/>
                        <a:pt x="24780" y="50292"/>
                      </a:cubicBezTo>
                      <a:cubicBezTo>
                        <a:pt x="11145" y="50343"/>
                        <a:pt x="51" y="39127"/>
                        <a:pt x="0" y="25239"/>
                      </a:cubicBezTo>
                      <a:cubicBezTo>
                        <a:pt x="-50" y="11351"/>
                        <a:pt x="10962" y="52"/>
                        <a:pt x="24597" y="0"/>
                      </a:cubicBezTo>
                      <a:cubicBezTo>
                        <a:pt x="24628" y="0"/>
                        <a:pt x="24658" y="0"/>
                        <a:pt x="24689" y="0"/>
                      </a:cubicBezTo>
                      <a:cubicBezTo>
                        <a:pt x="38288" y="0"/>
                        <a:pt x="49327" y="11201"/>
                        <a:pt x="49377" y="25053"/>
                      </a:cubicBezTo>
                    </a:path>
                  </a:pathLst>
                </a:custGeom>
                <a:grpFill/>
                <a:ln w="914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</p:grpSp>
          <p:sp>
            <p:nvSpPr>
              <p:cNvPr id="91" name="Tekstvak 90">
                <a:extLst>
                  <a:ext uri="{FF2B5EF4-FFF2-40B4-BE49-F238E27FC236}">
                    <a16:creationId xmlns="" xmlns:a16="http://schemas.microsoft.com/office/drawing/2014/main" id="{361F9C5E-2183-F740-8EBF-621ADE087DEC}"/>
                  </a:ext>
                </a:extLst>
              </p:cNvPr>
              <p:cNvSpPr txBox="1"/>
              <p:nvPr/>
            </p:nvSpPr>
            <p:spPr>
              <a:xfrm>
                <a:off x="7135905" y="118662"/>
                <a:ext cx="424556" cy="17543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ИМП</a:t>
                </a:r>
              </a:p>
            </p:txBody>
          </p:sp>
        </p:grpSp>
        <p:grpSp>
          <p:nvGrpSpPr>
            <p:cNvPr id="85" name="Groep 84">
              <a:extLst>
                <a:ext uri="{FF2B5EF4-FFF2-40B4-BE49-F238E27FC236}">
                  <a16:creationId xmlns="" xmlns:a16="http://schemas.microsoft.com/office/drawing/2014/main" id="{4975C679-F5C4-B041-9113-B11C96703C1D}"/>
                </a:ext>
              </a:extLst>
            </p:cNvPr>
            <p:cNvGrpSpPr/>
            <p:nvPr/>
          </p:nvGrpSpPr>
          <p:grpSpPr>
            <a:xfrm>
              <a:off x="7788647" y="108444"/>
              <a:ext cx="987540" cy="204121"/>
              <a:chOff x="7783280" y="108444"/>
              <a:chExt cx="987540" cy="204121"/>
            </a:xfrm>
          </p:grpSpPr>
          <p:grpSp>
            <p:nvGrpSpPr>
              <p:cNvPr id="86" name="Graphic 74">
                <a:extLst>
                  <a:ext uri="{FF2B5EF4-FFF2-40B4-BE49-F238E27FC236}">
                    <a16:creationId xmlns="" xmlns:a16="http://schemas.microsoft.com/office/drawing/2014/main" id="{54638FDE-51D0-C84D-B403-23E7D08CF6A5}"/>
                  </a:ext>
                </a:extLst>
              </p:cNvPr>
              <p:cNvGrpSpPr/>
              <p:nvPr/>
            </p:nvGrpSpPr>
            <p:grpSpPr>
              <a:xfrm>
                <a:off x="7783280" y="108444"/>
                <a:ext cx="188043" cy="204121"/>
                <a:chOff x="4445000" y="3289300"/>
                <a:chExt cx="255505" cy="277351"/>
              </a:xfrm>
              <a:solidFill>
                <a:schemeClr val="bg2"/>
              </a:solidFill>
            </p:grpSpPr>
            <p:sp>
              <p:nvSpPr>
                <p:cNvPr id="88" name="Vrije vorm 87">
                  <a:extLst>
                    <a:ext uri="{FF2B5EF4-FFF2-40B4-BE49-F238E27FC236}">
                      <a16:creationId xmlns="" xmlns:a16="http://schemas.microsoft.com/office/drawing/2014/main" id="{47EC28FE-77B8-4C43-9CD6-F54CBF6C90F0}"/>
                    </a:ext>
                  </a:extLst>
                </p:cNvPr>
                <p:cNvSpPr/>
                <p:nvPr/>
              </p:nvSpPr>
              <p:spPr>
                <a:xfrm>
                  <a:off x="4474727" y="3289300"/>
                  <a:ext cx="225778" cy="223520"/>
                </a:xfrm>
                <a:custGeom>
                  <a:avLst/>
                  <a:gdLst>
                    <a:gd name="connsiteX0" fmla="*/ 72437 w 225777"/>
                    <a:gd name="connsiteY0" fmla="*/ 230319 h 223520"/>
                    <a:gd name="connsiteX1" fmla="*/ 0 w 225777"/>
                    <a:gd name="connsiteY1" fmla="*/ 165964 h 223520"/>
                    <a:gd name="connsiteX2" fmla="*/ 0 w 225777"/>
                    <a:gd name="connsiteY2" fmla="*/ 165964 h 223520"/>
                    <a:gd name="connsiteX3" fmla="*/ 28504 w 225777"/>
                    <a:gd name="connsiteY3" fmla="*/ 127500 h 223520"/>
                    <a:gd name="connsiteX4" fmla="*/ 68580 w 225777"/>
                    <a:gd name="connsiteY4" fmla="*/ 183566 h 223520"/>
                    <a:gd name="connsiteX5" fmla="*/ 190688 w 225777"/>
                    <a:gd name="connsiteY5" fmla="*/ 0 h 223520"/>
                    <a:gd name="connsiteX6" fmla="*/ 226060 w 225777"/>
                    <a:gd name="connsiteY6" fmla="*/ 24028 h 223520"/>
                    <a:gd name="connsiteX7" fmla="*/ 72437 w 225777"/>
                    <a:gd name="connsiteY7" fmla="*/ 230319 h 22352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</a:cxnLst>
                  <a:rect l="l" t="t" r="r" b="b"/>
                  <a:pathLst>
                    <a:path w="225777" h="223520">
                      <a:moveTo>
                        <a:pt x="72437" y="230319"/>
                      </a:moveTo>
                      <a:lnTo>
                        <a:pt x="0" y="165964"/>
                      </a:lnTo>
                      <a:lnTo>
                        <a:pt x="0" y="165964"/>
                      </a:lnTo>
                      <a:lnTo>
                        <a:pt x="28504" y="127500"/>
                      </a:lnTo>
                      <a:lnTo>
                        <a:pt x="68580" y="183566"/>
                      </a:lnTo>
                      <a:lnTo>
                        <a:pt x="190688" y="0"/>
                      </a:lnTo>
                      <a:lnTo>
                        <a:pt x="226060" y="24028"/>
                      </a:lnTo>
                      <a:lnTo>
                        <a:pt x="72437" y="230319"/>
                      </a:lnTo>
                      <a:close/>
                    </a:path>
                  </a:pathLst>
                </a:custGeom>
                <a:grpFill/>
                <a:ln w="9172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89" name="Vrije vorm 88">
                  <a:extLst>
                    <a:ext uri="{FF2B5EF4-FFF2-40B4-BE49-F238E27FC236}">
                      <a16:creationId xmlns="" xmlns:a16="http://schemas.microsoft.com/office/drawing/2014/main" id="{86B8C09A-4126-BF44-A505-C093E8E82392}"/>
                    </a:ext>
                  </a:extLst>
                </p:cNvPr>
                <p:cNvSpPr/>
                <p:nvPr/>
              </p:nvSpPr>
              <p:spPr>
                <a:xfrm>
                  <a:off x="4445000" y="3296564"/>
                  <a:ext cx="225778" cy="270087"/>
                </a:xfrm>
                <a:custGeom>
                  <a:avLst/>
                  <a:gdLst>
                    <a:gd name="connsiteX0" fmla="*/ 229070 w 225777"/>
                    <a:gd name="connsiteY0" fmla="*/ 272136 h 270086"/>
                    <a:gd name="connsiteX1" fmla="*/ 0 w 225777"/>
                    <a:gd name="connsiteY1" fmla="*/ 272136 h 270086"/>
                    <a:gd name="connsiteX2" fmla="*/ 0 w 225777"/>
                    <a:gd name="connsiteY2" fmla="*/ 0 h 270086"/>
                    <a:gd name="connsiteX3" fmla="*/ 187960 w 225777"/>
                    <a:gd name="connsiteY3" fmla="*/ 0 h 270086"/>
                    <a:gd name="connsiteX4" fmla="*/ 172720 w 225777"/>
                    <a:gd name="connsiteY4" fmla="*/ 22631 h 270086"/>
                    <a:gd name="connsiteX5" fmla="*/ 22954 w 225777"/>
                    <a:gd name="connsiteY5" fmla="*/ 22631 h 270086"/>
                    <a:gd name="connsiteX6" fmla="*/ 22954 w 225777"/>
                    <a:gd name="connsiteY6" fmla="*/ 249504 h 270086"/>
                    <a:gd name="connsiteX7" fmla="*/ 206210 w 225777"/>
                    <a:gd name="connsiteY7" fmla="*/ 249504 h 270086"/>
                    <a:gd name="connsiteX8" fmla="*/ 206210 w 225777"/>
                    <a:gd name="connsiteY8" fmla="*/ 139886 h 270086"/>
                    <a:gd name="connsiteX9" fmla="*/ 229070 w 225777"/>
                    <a:gd name="connsiteY9" fmla="*/ 107755 h 270086"/>
                    <a:gd name="connsiteX10" fmla="*/ 229070 w 225777"/>
                    <a:gd name="connsiteY10" fmla="*/ 272136 h 27008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</a:cxnLst>
                  <a:rect l="l" t="t" r="r" b="b"/>
                  <a:pathLst>
                    <a:path w="225777" h="270086">
                      <a:moveTo>
                        <a:pt x="229070" y="272136"/>
                      </a:moveTo>
                      <a:lnTo>
                        <a:pt x="0" y="272136"/>
                      </a:lnTo>
                      <a:lnTo>
                        <a:pt x="0" y="0"/>
                      </a:lnTo>
                      <a:lnTo>
                        <a:pt x="187960" y="0"/>
                      </a:lnTo>
                      <a:lnTo>
                        <a:pt x="172720" y="22631"/>
                      </a:lnTo>
                      <a:lnTo>
                        <a:pt x="22954" y="22631"/>
                      </a:lnTo>
                      <a:lnTo>
                        <a:pt x="22954" y="249504"/>
                      </a:lnTo>
                      <a:lnTo>
                        <a:pt x="206210" y="249504"/>
                      </a:lnTo>
                      <a:lnTo>
                        <a:pt x="206210" y="139886"/>
                      </a:lnTo>
                      <a:lnTo>
                        <a:pt x="229070" y="107755"/>
                      </a:lnTo>
                      <a:lnTo>
                        <a:pt x="229070" y="272136"/>
                      </a:lnTo>
                      <a:close/>
                    </a:path>
                  </a:pathLst>
                </a:custGeom>
                <a:grpFill/>
                <a:ln w="9172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</p:grpSp>
          <p:sp>
            <p:nvSpPr>
              <p:cNvPr id="87" name="Tekstvak 86">
                <a:extLst>
                  <a:ext uri="{FF2B5EF4-FFF2-40B4-BE49-F238E27FC236}">
                    <a16:creationId xmlns="" xmlns:a16="http://schemas.microsoft.com/office/drawing/2014/main" id="{C7609137-C06A-E04C-B89E-4D4C03342331}"/>
                  </a:ext>
                </a:extLst>
              </p:cNvPr>
              <p:cNvSpPr txBox="1"/>
              <p:nvPr/>
            </p:nvSpPr>
            <p:spPr>
              <a:xfrm>
                <a:off x="8091097" y="118662"/>
                <a:ext cx="680404" cy="17543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Резюме</a:t>
                </a:r>
              </a:p>
            </p:txBody>
          </p:sp>
        </p:grpSp>
      </p:grpSp>
      <p:grpSp>
        <p:nvGrpSpPr>
          <p:cNvPr id="167" name="Groep 76">
            <a:extLst>
              <a:ext uri="{FF2B5EF4-FFF2-40B4-BE49-F238E27FC236}">
                <a16:creationId xmlns="" xmlns:a16="http://schemas.microsoft.com/office/drawing/2014/main" id="{2EEB0EBB-9AD0-448D-BA5F-C44A0318CC17}"/>
              </a:ext>
            </a:extLst>
          </p:cNvPr>
          <p:cNvGrpSpPr/>
          <p:nvPr userDrawn="1"/>
        </p:nvGrpSpPr>
        <p:grpSpPr>
          <a:xfrm>
            <a:off x="2498182" y="107692"/>
            <a:ext cx="4278020" cy="205630"/>
            <a:chOff x="1873636" y="107691"/>
            <a:chExt cx="3208515" cy="205630"/>
          </a:xfrm>
          <a:solidFill>
            <a:schemeClr val="bg1"/>
          </a:solidFill>
        </p:grpSpPr>
        <p:grpSp>
          <p:nvGrpSpPr>
            <p:cNvPr id="168" name="Groep 160">
              <a:extLst>
                <a:ext uri="{FF2B5EF4-FFF2-40B4-BE49-F238E27FC236}">
                  <a16:creationId xmlns="" xmlns:a16="http://schemas.microsoft.com/office/drawing/2014/main" id="{AEBDE104-0D4A-45B5-94A3-3CD4A9A5FDA7}"/>
                </a:ext>
              </a:extLst>
            </p:cNvPr>
            <p:cNvGrpSpPr/>
            <p:nvPr/>
          </p:nvGrpSpPr>
          <p:grpSpPr>
            <a:xfrm>
              <a:off x="1873636" y="107692"/>
              <a:ext cx="736279" cy="205629"/>
              <a:chOff x="2096893" y="107692"/>
              <a:chExt cx="736279" cy="205629"/>
            </a:xfrm>
            <a:grpFill/>
          </p:grpSpPr>
          <p:sp>
            <p:nvSpPr>
              <p:cNvPr id="186" name="Graphic 30">
                <a:extLst>
                  <a:ext uri="{FF2B5EF4-FFF2-40B4-BE49-F238E27FC236}">
                    <a16:creationId xmlns="" xmlns:a16="http://schemas.microsoft.com/office/drawing/2014/main" id="{D507DE5D-BBCC-4699-A5C3-FF46B42141D7}"/>
                  </a:ext>
                </a:extLst>
              </p:cNvPr>
              <p:cNvSpPr/>
              <p:nvPr/>
            </p:nvSpPr>
            <p:spPr>
              <a:xfrm>
                <a:off x="2096893" y="107692"/>
                <a:ext cx="177589" cy="205629"/>
              </a:xfrm>
              <a:custGeom>
                <a:avLst/>
                <a:gdLst>
                  <a:gd name="connsiteX0" fmla="*/ 244270 w 241300"/>
                  <a:gd name="connsiteY0" fmla="*/ 279400 h 279400"/>
                  <a:gd name="connsiteX1" fmla="*/ 174478 w 241300"/>
                  <a:gd name="connsiteY1" fmla="*/ 279400 h 279400"/>
                  <a:gd name="connsiteX2" fmla="*/ 174478 w 241300"/>
                  <a:gd name="connsiteY2" fmla="*/ 168478 h 279400"/>
                  <a:gd name="connsiteX3" fmla="*/ 69791 w 241300"/>
                  <a:gd name="connsiteY3" fmla="*/ 168478 h 279400"/>
                  <a:gd name="connsiteX4" fmla="*/ 69791 w 241300"/>
                  <a:gd name="connsiteY4" fmla="*/ 279400 h 279400"/>
                  <a:gd name="connsiteX5" fmla="*/ 0 w 241300"/>
                  <a:gd name="connsiteY5" fmla="*/ 279400 h 279400"/>
                  <a:gd name="connsiteX6" fmla="*/ 0 w 241300"/>
                  <a:gd name="connsiteY6" fmla="*/ 91457 h 279400"/>
                  <a:gd name="connsiteX7" fmla="*/ 122135 w 241300"/>
                  <a:gd name="connsiteY7" fmla="*/ 0 h 279400"/>
                  <a:gd name="connsiteX8" fmla="*/ 244270 w 241300"/>
                  <a:gd name="connsiteY8" fmla="*/ 91457 h 279400"/>
                  <a:gd name="connsiteX9" fmla="*/ 244270 w 241300"/>
                  <a:gd name="connsiteY9" fmla="*/ 279400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41300" h="279400">
                    <a:moveTo>
                      <a:pt x="244270" y="279400"/>
                    </a:moveTo>
                    <a:lnTo>
                      <a:pt x="174478" y="279400"/>
                    </a:lnTo>
                    <a:lnTo>
                      <a:pt x="174478" y="168478"/>
                    </a:lnTo>
                    <a:lnTo>
                      <a:pt x="69791" y="168478"/>
                    </a:lnTo>
                    <a:lnTo>
                      <a:pt x="69791" y="279400"/>
                    </a:lnTo>
                    <a:lnTo>
                      <a:pt x="0" y="279400"/>
                    </a:lnTo>
                    <a:lnTo>
                      <a:pt x="0" y="91457"/>
                    </a:lnTo>
                    <a:lnTo>
                      <a:pt x="122135" y="0"/>
                    </a:lnTo>
                    <a:lnTo>
                      <a:pt x="244270" y="91457"/>
                    </a:lnTo>
                    <a:lnTo>
                      <a:pt x="244270" y="279400"/>
                    </a:lnTo>
                    <a:close/>
                  </a:path>
                </a:pathLst>
              </a:custGeom>
              <a:grpFill/>
              <a:ln w="9159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bg1"/>
                  </a:solidFill>
                </a:endParaRPr>
              </a:p>
            </p:txBody>
          </p:sp>
          <p:sp>
            <p:nvSpPr>
              <p:cNvPr id="187" name="Tekstvak 135">
                <a:extLst>
                  <a:ext uri="{FF2B5EF4-FFF2-40B4-BE49-F238E27FC236}">
                    <a16:creationId xmlns="" xmlns:a16="http://schemas.microsoft.com/office/drawing/2014/main" id="{CE3B76EB-99E7-4AAA-A1E8-6D477D6B266E}"/>
                  </a:ext>
                </a:extLst>
              </p:cNvPr>
              <p:cNvSpPr txBox="1"/>
              <p:nvPr/>
            </p:nvSpPr>
            <p:spPr>
              <a:xfrm>
                <a:off x="2407103" y="-56773"/>
                <a:ext cx="426495" cy="526306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Главная страница</a:t>
                </a:r>
              </a:p>
            </p:txBody>
          </p:sp>
        </p:grpSp>
        <p:grpSp>
          <p:nvGrpSpPr>
            <p:cNvPr id="169" name="Groep 161">
              <a:extLst>
                <a:ext uri="{FF2B5EF4-FFF2-40B4-BE49-F238E27FC236}">
                  <a16:creationId xmlns="" xmlns:a16="http://schemas.microsoft.com/office/drawing/2014/main" id="{96F32BF9-C534-4034-A579-EFCFDF213B59}"/>
                </a:ext>
              </a:extLst>
            </p:cNvPr>
            <p:cNvGrpSpPr/>
            <p:nvPr/>
          </p:nvGrpSpPr>
          <p:grpSpPr>
            <a:xfrm>
              <a:off x="2828680" y="107691"/>
              <a:ext cx="1028176" cy="205629"/>
              <a:chOff x="3051937" y="107691"/>
              <a:chExt cx="1028176" cy="205629"/>
            </a:xfrm>
            <a:grpFill/>
          </p:grpSpPr>
          <p:sp>
            <p:nvSpPr>
              <p:cNvPr id="184" name="Graphic 24">
                <a:extLst>
                  <a:ext uri="{FF2B5EF4-FFF2-40B4-BE49-F238E27FC236}">
                    <a16:creationId xmlns="" xmlns:a16="http://schemas.microsoft.com/office/drawing/2014/main" id="{924AD551-7251-46EB-9D0D-07465A110654}"/>
                  </a:ext>
                </a:extLst>
              </p:cNvPr>
              <p:cNvSpPr/>
              <p:nvPr/>
            </p:nvSpPr>
            <p:spPr>
              <a:xfrm>
                <a:off x="3051937" y="107691"/>
                <a:ext cx="243017" cy="205629"/>
              </a:xfrm>
              <a:custGeom>
                <a:avLst/>
                <a:gdLst>
                  <a:gd name="connsiteX0" fmla="*/ 290953 w 330200"/>
                  <a:gd name="connsiteY0" fmla="*/ 108407 h 279400"/>
                  <a:gd name="connsiteX1" fmla="*/ 290953 w 330200"/>
                  <a:gd name="connsiteY1" fmla="*/ 62679 h 279400"/>
                  <a:gd name="connsiteX2" fmla="*/ 332181 w 330200"/>
                  <a:gd name="connsiteY2" fmla="*/ 62679 h 279400"/>
                  <a:gd name="connsiteX3" fmla="*/ 332181 w 330200"/>
                  <a:gd name="connsiteY3" fmla="*/ 0 h 279400"/>
                  <a:gd name="connsiteX4" fmla="*/ 236989 w 330200"/>
                  <a:gd name="connsiteY4" fmla="*/ 0 h 279400"/>
                  <a:gd name="connsiteX5" fmla="*/ 236989 w 330200"/>
                  <a:gd name="connsiteY5" fmla="*/ 25053 h 279400"/>
                  <a:gd name="connsiteX6" fmla="*/ 213687 w 330200"/>
                  <a:gd name="connsiteY6" fmla="*/ 25053 h 279400"/>
                  <a:gd name="connsiteX7" fmla="*/ 213687 w 330200"/>
                  <a:gd name="connsiteY7" fmla="*/ 0 h 279400"/>
                  <a:gd name="connsiteX8" fmla="*/ 118495 w 330200"/>
                  <a:gd name="connsiteY8" fmla="*/ 0 h 279400"/>
                  <a:gd name="connsiteX9" fmla="*/ 118495 w 330200"/>
                  <a:gd name="connsiteY9" fmla="*/ 25053 h 279400"/>
                  <a:gd name="connsiteX10" fmla="*/ 95192 w 330200"/>
                  <a:gd name="connsiteY10" fmla="*/ 25053 h 279400"/>
                  <a:gd name="connsiteX11" fmla="*/ 95192 w 330200"/>
                  <a:gd name="connsiteY11" fmla="*/ 0 h 279400"/>
                  <a:gd name="connsiteX12" fmla="*/ 0 w 330200"/>
                  <a:gd name="connsiteY12" fmla="*/ 0 h 279400"/>
                  <a:gd name="connsiteX13" fmla="*/ 0 w 330200"/>
                  <a:gd name="connsiteY13" fmla="*/ 62679 h 279400"/>
                  <a:gd name="connsiteX14" fmla="*/ 95192 w 330200"/>
                  <a:gd name="connsiteY14" fmla="*/ 62679 h 279400"/>
                  <a:gd name="connsiteX15" fmla="*/ 95192 w 330200"/>
                  <a:gd name="connsiteY15" fmla="*/ 37626 h 279400"/>
                  <a:gd name="connsiteX16" fmla="*/ 118495 w 330200"/>
                  <a:gd name="connsiteY16" fmla="*/ 37626 h 279400"/>
                  <a:gd name="connsiteX17" fmla="*/ 118495 w 330200"/>
                  <a:gd name="connsiteY17" fmla="*/ 62679 h 279400"/>
                  <a:gd name="connsiteX18" fmla="*/ 159722 w 330200"/>
                  <a:gd name="connsiteY18" fmla="*/ 62679 h 279400"/>
                  <a:gd name="connsiteX19" fmla="*/ 159722 w 330200"/>
                  <a:gd name="connsiteY19" fmla="*/ 108407 h 279400"/>
                  <a:gd name="connsiteX20" fmla="*/ 118495 w 330200"/>
                  <a:gd name="connsiteY20" fmla="*/ 108407 h 279400"/>
                  <a:gd name="connsiteX21" fmla="*/ 118495 w 330200"/>
                  <a:gd name="connsiteY21" fmla="*/ 170993 h 279400"/>
                  <a:gd name="connsiteX22" fmla="*/ 159722 w 330200"/>
                  <a:gd name="connsiteY22" fmla="*/ 170993 h 279400"/>
                  <a:gd name="connsiteX23" fmla="*/ 159722 w 330200"/>
                  <a:gd name="connsiteY23" fmla="*/ 216721 h 279400"/>
                  <a:gd name="connsiteX24" fmla="*/ 118495 w 330200"/>
                  <a:gd name="connsiteY24" fmla="*/ 216721 h 279400"/>
                  <a:gd name="connsiteX25" fmla="*/ 118495 w 330200"/>
                  <a:gd name="connsiteY25" fmla="*/ 279400 h 279400"/>
                  <a:gd name="connsiteX26" fmla="*/ 213687 w 330200"/>
                  <a:gd name="connsiteY26" fmla="*/ 279400 h 279400"/>
                  <a:gd name="connsiteX27" fmla="*/ 213687 w 330200"/>
                  <a:gd name="connsiteY27" fmla="*/ 216721 h 279400"/>
                  <a:gd name="connsiteX28" fmla="*/ 172459 w 330200"/>
                  <a:gd name="connsiteY28" fmla="*/ 216721 h 279400"/>
                  <a:gd name="connsiteX29" fmla="*/ 172459 w 330200"/>
                  <a:gd name="connsiteY29" fmla="*/ 170993 h 279400"/>
                  <a:gd name="connsiteX30" fmla="*/ 213687 w 330200"/>
                  <a:gd name="connsiteY30" fmla="*/ 170993 h 279400"/>
                  <a:gd name="connsiteX31" fmla="*/ 213687 w 330200"/>
                  <a:gd name="connsiteY31" fmla="*/ 108407 h 279400"/>
                  <a:gd name="connsiteX32" fmla="*/ 172459 w 330200"/>
                  <a:gd name="connsiteY32" fmla="*/ 108407 h 279400"/>
                  <a:gd name="connsiteX33" fmla="*/ 172459 w 330200"/>
                  <a:gd name="connsiteY33" fmla="*/ 62679 h 279400"/>
                  <a:gd name="connsiteX34" fmla="*/ 213687 w 330200"/>
                  <a:gd name="connsiteY34" fmla="*/ 62679 h 279400"/>
                  <a:gd name="connsiteX35" fmla="*/ 213687 w 330200"/>
                  <a:gd name="connsiteY35" fmla="*/ 37626 h 279400"/>
                  <a:gd name="connsiteX36" fmla="*/ 236989 w 330200"/>
                  <a:gd name="connsiteY36" fmla="*/ 37626 h 279400"/>
                  <a:gd name="connsiteX37" fmla="*/ 236989 w 330200"/>
                  <a:gd name="connsiteY37" fmla="*/ 62679 h 279400"/>
                  <a:gd name="connsiteX38" fmla="*/ 278217 w 330200"/>
                  <a:gd name="connsiteY38" fmla="*/ 62679 h 279400"/>
                  <a:gd name="connsiteX39" fmla="*/ 278217 w 330200"/>
                  <a:gd name="connsiteY39" fmla="*/ 108407 h 279400"/>
                  <a:gd name="connsiteX40" fmla="*/ 236989 w 330200"/>
                  <a:gd name="connsiteY40" fmla="*/ 108407 h 279400"/>
                  <a:gd name="connsiteX41" fmla="*/ 236989 w 330200"/>
                  <a:gd name="connsiteY41" fmla="*/ 170993 h 279400"/>
                  <a:gd name="connsiteX42" fmla="*/ 332181 w 330200"/>
                  <a:gd name="connsiteY42" fmla="*/ 170993 h 279400"/>
                  <a:gd name="connsiteX43" fmla="*/ 332181 w 330200"/>
                  <a:gd name="connsiteY43" fmla="*/ 108407 h 279400"/>
                  <a:gd name="connsiteX44" fmla="*/ 290953 w 330200"/>
                  <a:gd name="connsiteY44" fmla="*/ 108407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</a:cxnLst>
                <a:rect l="l" t="t" r="r" b="b"/>
                <a:pathLst>
                  <a:path w="330200" h="279400">
                    <a:moveTo>
                      <a:pt x="290953" y="108407"/>
                    </a:moveTo>
                    <a:lnTo>
                      <a:pt x="290953" y="62679"/>
                    </a:lnTo>
                    <a:lnTo>
                      <a:pt x="332181" y="62679"/>
                    </a:lnTo>
                    <a:lnTo>
                      <a:pt x="332181" y="0"/>
                    </a:lnTo>
                    <a:lnTo>
                      <a:pt x="236989" y="0"/>
                    </a:lnTo>
                    <a:lnTo>
                      <a:pt x="236989" y="25053"/>
                    </a:lnTo>
                    <a:lnTo>
                      <a:pt x="213687" y="25053"/>
                    </a:lnTo>
                    <a:lnTo>
                      <a:pt x="213687" y="0"/>
                    </a:lnTo>
                    <a:lnTo>
                      <a:pt x="118495" y="0"/>
                    </a:lnTo>
                    <a:lnTo>
                      <a:pt x="118495" y="25053"/>
                    </a:lnTo>
                    <a:lnTo>
                      <a:pt x="95192" y="25053"/>
                    </a:lnTo>
                    <a:lnTo>
                      <a:pt x="95192" y="0"/>
                    </a:lnTo>
                    <a:lnTo>
                      <a:pt x="0" y="0"/>
                    </a:lnTo>
                    <a:lnTo>
                      <a:pt x="0" y="62679"/>
                    </a:lnTo>
                    <a:lnTo>
                      <a:pt x="95192" y="62679"/>
                    </a:lnTo>
                    <a:lnTo>
                      <a:pt x="95192" y="37626"/>
                    </a:lnTo>
                    <a:lnTo>
                      <a:pt x="118495" y="37626"/>
                    </a:lnTo>
                    <a:lnTo>
                      <a:pt x="118495" y="62679"/>
                    </a:lnTo>
                    <a:lnTo>
                      <a:pt x="159722" y="62679"/>
                    </a:lnTo>
                    <a:lnTo>
                      <a:pt x="159722" y="108407"/>
                    </a:lnTo>
                    <a:lnTo>
                      <a:pt x="118495" y="108407"/>
                    </a:lnTo>
                    <a:lnTo>
                      <a:pt x="118495" y="170993"/>
                    </a:lnTo>
                    <a:lnTo>
                      <a:pt x="159722" y="170993"/>
                    </a:lnTo>
                    <a:lnTo>
                      <a:pt x="159722" y="216721"/>
                    </a:lnTo>
                    <a:lnTo>
                      <a:pt x="118495" y="216721"/>
                    </a:lnTo>
                    <a:lnTo>
                      <a:pt x="118495" y="279400"/>
                    </a:lnTo>
                    <a:lnTo>
                      <a:pt x="213687" y="279400"/>
                    </a:lnTo>
                    <a:lnTo>
                      <a:pt x="213687" y="216721"/>
                    </a:lnTo>
                    <a:lnTo>
                      <a:pt x="172459" y="216721"/>
                    </a:lnTo>
                    <a:lnTo>
                      <a:pt x="172459" y="170993"/>
                    </a:lnTo>
                    <a:lnTo>
                      <a:pt x="213687" y="170993"/>
                    </a:lnTo>
                    <a:lnTo>
                      <a:pt x="213687" y="108407"/>
                    </a:lnTo>
                    <a:lnTo>
                      <a:pt x="172459" y="108407"/>
                    </a:lnTo>
                    <a:lnTo>
                      <a:pt x="172459" y="62679"/>
                    </a:lnTo>
                    <a:lnTo>
                      <a:pt x="213687" y="62679"/>
                    </a:lnTo>
                    <a:lnTo>
                      <a:pt x="213687" y="37626"/>
                    </a:lnTo>
                    <a:lnTo>
                      <a:pt x="236989" y="37626"/>
                    </a:lnTo>
                    <a:lnTo>
                      <a:pt x="236989" y="62679"/>
                    </a:lnTo>
                    <a:lnTo>
                      <a:pt x="278217" y="62679"/>
                    </a:lnTo>
                    <a:lnTo>
                      <a:pt x="278217" y="108407"/>
                    </a:lnTo>
                    <a:lnTo>
                      <a:pt x="236989" y="108407"/>
                    </a:lnTo>
                    <a:lnTo>
                      <a:pt x="236989" y="170993"/>
                    </a:lnTo>
                    <a:lnTo>
                      <a:pt x="332181" y="170993"/>
                    </a:lnTo>
                    <a:lnTo>
                      <a:pt x="332181" y="108407"/>
                    </a:lnTo>
                    <a:lnTo>
                      <a:pt x="290953" y="108407"/>
                    </a:lnTo>
                    <a:close/>
                  </a:path>
                </a:pathLst>
              </a:custGeom>
              <a:grpFill/>
              <a:ln w="9253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bg1"/>
                  </a:solidFill>
                </a:endParaRPr>
              </a:p>
            </p:txBody>
          </p:sp>
          <p:sp>
            <p:nvSpPr>
              <p:cNvPr id="185" name="Tekstvak 107">
                <a:extLst>
                  <a:ext uri="{FF2B5EF4-FFF2-40B4-BE49-F238E27FC236}">
                    <a16:creationId xmlns="" xmlns:a16="http://schemas.microsoft.com/office/drawing/2014/main" id="{DED7B9FF-3A06-4DDC-9F0F-F2106B777CCE}"/>
                  </a:ext>
                </a:extLst>
              </p:cNvPr>
              <p:cNvSpPr txBox="1"/>
              <p:nvPr/>
            </p:nvSpPr>
            <p:spPr>
              <a:xfrm>
                <a:off x="3416681" y="118662"/>
                <a:ext cx="664094" cy="175435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Карта сайта</a:t>
                </a:r>
              </a:p>
            </p:txBody>
          </p:sp>
        </p:grpSp>
        <p:grpSp>
          <p:nvGrpSpPr>
            <p:cNvPr id="170" name="Groep 162">
              <a:extLst>
                <a:ext uri="{FF2B5EF4-FFF2-40B4-BE49-F238E27FC236}">
                  <a16:creationId xmlns="" xmlns:a16="http://schemas.microsoft.com/office/drawing/2014/main" id="{2D180A8B-D26B-4F94-B4B8-BF3AD382AB0B}"/>
                </a:ext>
              </a:extLst>
            </p:cNvPr>
            <p:cNvGrpSpPr/>
            <p:nvPr/>
          </p:nvGrpSpPr>
          <p:grpSpPr>
            <a:xfrm>
              <a:off x="3983440" y="107691"/>
              <a:ext cx="1098711" cy="205629"/>
              <a:chOff x="4325235" y="107691"/>
              <a:chExt cx="1098711" cy="205629"/>
            </a:xfrm>
            <a:grpFill/>
          </p:grpSpPr>
          <p:sp>
            <p:nvSpPr>
              <p:cNvPr id="182" name="Graphic 13">
                <a:extLst>
                  <a:ext uri="{FF2B5EF4-FFF2-40B4-BE49-F238E27FC236}">
                    <a16:creationId xmlns="" xmlns:a16="http://schemas.microsoft.com/office/drawing/2014/main" id="{70027D2E-F006-45A4-BA3E-CCD98AB5A715}"/>
                  </a:ext>
                </a:extLst>
              </p:cNvPr>
              <p:cNvSpPr/>
              <p:nvPr/>
            </p:nvSpPr>
            <p:spPr>
              <a:xfrm>
                <a:off x="4325235" y="107691"/>
                <a:ext cx="217526" cy="205629"/>
              </a:xfrm>
              <a:custGeom>
                <a:avLst/>
                <a:gdLst>
                  <a:gd name="connsiteX0" fmla="*/ 203200 w 295563"/>
                  <a:gd name="connsiteY0" fmla="*/ 254068 h 279400"/>
                  <a:gd name="connsiteX1" fmla="*/ 149537 w 295563"/>
                  <a:gd name="connsiteY1" fmla="*/ 219981 h 279400"/>
                  <a:gd name="connsiteX2" fmla="*/ 96797 w 295563"/>
                  <a:gd name="connsiteY2" fmla="*/ 255372 h 279400"/>
                  <a:gd name="connsiteX3" fmla="*/ 112314 w 295563"/>
                  <a:gd name="connsiteY3" fmla="*/ 193345 h 279400"/>
                  <a:gd name="connsiteX4" fmla="*/ 62253 w 295563"/>
                  <a:gd name="connsiteY4" fmla="*/ 153670 h 279400"/>
                  <a:gd name="connsiteX5" fmla="*/ 125522 w 295563"/>
                  <a:gd name="connsiteY5" fmla="*/ 149479 h 279400"/>
                  <a:gd name="connsiteX6" fmla="*/ 147782 w 295563"/>
                  <a:gd name="connsiteY6" fmla="*/ 89501 h 279400"/>
                  <a:gd name="connsiteX7" fmla="*/ 171150 w 295563"/>
                  <a:gd name="connsiteY7" fmla="*/ 149013 h 279400"/>
                  <a:gd name="connsiteX8" fmla="*/ 234511 w 295563"/>
                  <a:gd name="connsiteY8" fmla="*/ 151714 h 279400"/>
                  <a:gd name="connsiteX9" fmla="*/ 185836 w 295563"/>
                  <a:gd name="connsiteY9" fmla="*/ 192600 h 279400"/>
                  <a:gd name="connsiteX10" fmla="*/ 108435 w 295563"/>
                  <a:gd name="connsiteY10" fmla="*/ 24308 h 279400"/>
                  <a:gd name="connsiteX11" fmla="*/ 192763 w 295563"/>
                  <a:gd name="connsiteY11" fmla="*/ 24308 h 279400"/>
                  <a:gd name="connsiteX12" fmla="*/ 192763 w 295563"/>
                  <a:gd name="connsiteY12" fmla="*/ 60723 h 279400"/>
                  <a:gd name="connsiteX13" fmla="*/ 108435 w 295563"/>
                  <a:gd name="connsiteY13" fmla="*/ 60723 h 279400"/>
                  <a:gd name="connsiteX14" fmla="*/ 228508 w 295563"/>
                  <a:gd name="connsiteY14" fmla="*/ 60723 h 279400"/>
                  <a:gd name="connsiteX15" fmla="*/ 228508 w 295563"/>
                  <a:gd name="connsiteY15" fmla="*/ 0 h 279400"/>
                  <a:gd name="connsiteX16" fmla="*/ 71489 w 295563"/>
                  <a:gd name="connsiteY16" fmla="*/ 0 h 279400"/>
                  <a:gd name="connsiteX17" fmla="*/ 71489 w 295563"/>
                  <a:gd name="connsiteY17" fmla="*/ 60723 h 279400"/>
                  <a:gd name="connsiteX18" fmla="*/ 0 w 295563"/>
                  <a:gd name="connsiteY18" fmla="*/ 60723 h 279400"/>
                  <a:gd name="connsiteX19" fmla="*/ 0 w 295563"/>
                  <a:gd name="connsiteY19" fmla="*/ 279400 h 279400"/>
                  <a:gd name="connsiteX20" fmla="*/ 301198 w 295563"/>
                  <a:gd name="connsiteY20" fmla="*/ 279400 h 279400"/>
                  <a:gd name="connsiteX21" fmla="*/ 301198 w 295563"/>
                  <a:gd name="connsiteY21" fmla="*/ 60723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295563" h="279400">
                    <a:moveTo>
                      <a:pt x="203200" y="254068"/>
                    </a:moveTo>
                    <a:lnTo>
                      <a:pt x="149537" y="219981"/>
                    </a:lnTo>
                    <a:lnTo>
                      <a:pt x="96797" y="255372"/>
                    </a:lnTo>
                    <a:lnTo>
                      <a:pt x="112314" y="193345"/>
                    </a:lnTo>
                    <a:lnTo>
                      <a:pt x="62253" y="153670"/>
                    </a:lnTo>
                    <a:lnTo>
                      <a:pt x="125522" y="149479"/>
                    </a:lnTo>
                    <a:lnTo>
                      <a:pt x="147782" y="89501"/>
                    </a:lnTo>
                    <a:lnTo>
                      <a:pt x="171150" y="149013"/>
                    </a:lnTo>
                    <a:lnTo>
                      <a:pt x="234511" y="151714"/>
                    </a:lnTo>
                    <a:lnTo>
                      <a:pt x="185836" y="192600"/>
                    </a:lnTo>
                    <a:close/>
                    <a:moveTo>
                      <a:pt x="108435" y="24308"/>
                    </a:moveTo>
                    <a:lnTo>
                      <a:pt x="192763" y="24308"/>
                    </a:lnTo>
                    <a:lnTo>
                      <a:pt x="192763" y="60723"/>
                    </a:lnTo>
                    <a:lnTo>
                      <a:pt x="108435" y="60723"/>
                    </a:lnTo>
                    <a:close/>
                    <a:moveTo>
                      <a:pt x="228508" y="60723"/>
                    </a:moveTo>
                    <a:lnTo>
                      <a:pt x="228508" y="0"/>
                    </a:lnTo>
                    <a:lnTo>
                      <a:pt x="71489" y="0"/>
                    </a:lnTo>
                    <a:lnTo>
                      <a:pt x="71489" y="60723"/>
                    </a:lnTo>
                    <a:lnTo>
                      <a:pt x="0" y="60723"/>
                    </a:lnTo>
                    <a:lnTo>
                      <a:pt x="0" y="279400"/>
                    </a:lnTo>
                    <a:lnTo>
                      <a:pt x="301198" y="279400"/>
                    </a:lnTo>
                    <a:lnTo>
                      <a:pt x="301198" y="60723"/>
                    </a:lnTo>
                    <a:close/>
                  </a:path>
                </a:pathLst>
              </a:custGeom>
              <a:grpFill/>
              <a:ln w="9236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bg1"/>
                  </a:solidFill>
                </a:endParaRPr>
              </a:p>
            </p:txBody>
          </p:sp>
          <p:sp>
            <p:nvSpPr>
              <p:cNvPr id="183" name="Tekstvak 103">
                <a:extLst>
                  <a:ext uri="{FF2B5EF4-FFF2-40B4-BE49-F238E27FC236}">
                    <a16:creationId xmlns="" xmlns:a16="http://schemas.microsoft.com/office/drawing/2014/main" id="{03ED12D4-ED8A-4E65-8812-11D9DB2478F7}"/>
                  </a:ext>
                </a:extLst>
              </p:cNvPr>
              <p:cNvSpPr txBox="1"/>
              <p:nvPr/>
            </p:nvSpPr>
            <p:spPr>
              <a:xfrm>
                <a:off x="4667607" y="118662"/>
                <a:ext cx="757094" cy="175435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FFFFFF"/>
                    </a:solidFill>
                    <a:effectLst/>
                    <a:latin typeface="Arial"/>
                    <a:ea typeface="Arial"/>
                    <a:cs typeface="Arial"/>
                  </a:rPr>
                  <a:t>Ресурсы</a:t>
                </a:r>
              </a:p>
            </p:txBody>
          </p:sp>
        </p:grpSp>
      </p:grpSp>
      <p:pic>
        <p:nvPicPr>
          <p:cNvPr id="72" name="Afbeelding 71">
            <a:extLst>
              <a:ext uri="{FF2B5EF4-FFF2-40B4-BE49-F238E27FC236}">
                <a16:creationId xmlns="" xmlns:a16="http://schemas.microsoft.com/office/drawing/2014/main" id="{5F6F544B-D159-A045-B78E-BC7D68CA01F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 r="86352"/>
          <a:stretch>
            <a:fillRect/>
          </a:stretch>
        </p:blipFill>
        <p:spPr>
          <a:xfrm>
            <a:off x="0" y="0"/>
            <a:ext cx="1664019" cy="6858000"/>
          </a:xfrm>
          <a:prstGeom prst="rect">
            <a:avLst/>
          </a:prstGeom>
        </p:spPr>
      </p:pic>
      <p:sp>
        <p:nvSpPr>
          <p:cNvPr id="94" name="Vrije vorm 101">
            <a:extLst>
              <a:ext uri="{FF2B5EF4-FFF2-40B4-BE49-F238E27FC236}">
                <a16:creationId xmlns="" xmlns:a16="http://schemas.microsoft.com/office/drawing/2014/main" id="{2AC8E446-0AA7-4C08-9A56-FE76AE299C76}"/>
              </a:ext>
            </a:extLst>
          </p:cNvPr>
          <p:cNvSpPr/>
          <p:nvPr userDrawn="1"/>
        </p:nvSpPr>
        <p:spPr>
          <a:xfrm>
            <a:off x="6934845" y="107692"/>
            <a:ext cx="252363" cy="205629"/>
          </a:xfrm>
          <a:custGeom>
            <a:avLst/>
            <a:gdLst>
              <a:gd name="connsiteX0" fmla="*/ 0 w 257175"/>
              <a:gd name="connsiteY0" fmla="*/ 0 h 279400"/>
              <a:gd name="connsiteX1" fmla="*/ 0 w 257175"/>
              <a:gd name="connsiteY1" fmla="*/ 279400 h 279400"/>
              <a:gd name="connsiteX2" fmla="*/ 262890 w 257175"/>
              <a:gd name="connsiteY2" fmla="*/ 279400 h 279400"/>
              <a:gd name="connsiteX3" fmla="*/ 262890 w 257175"/>
              <a:gd name="connsiteY3" fmla="*/ 0 h 279400"/>
              <a:gd name="connsiteX4" fmla="*/ 240030 w 257175"/>
              <a:gd name="connsiteY4" fmla="*/ 257048 h 279400"/>
              <a:gd name="connsiteX5" fmla="*/ 194310 w 257175"/>
              <a:gd name="connsiteY5" fmla="*/ 257048 h 279400"/>
              <a:gd name="connsiteX6" fmla="*/ 194310 w 257175"/>
              <a:gd name="connsiteY6" fmla="*/ 167640 h 279400"/>
              <a:gd name="connsiteX7" fmla="*/ 170783 w 257175"/>
              <a:gd name="connsiteY7" fmla="*/ 145288 h 279400"/>
              <a:gd name="connsiteX8" fmla="*/ 92869 w 257175"/>
              <a:gd name="connsiteY8" fmla="*/ 145288 h 279400"/>
              <a:gd name="connsiteX9" fmla="*/ 68580 w 257175"/>
              <a:gd name="connsiteY9" fmla="*/ 167640 h 279400"/>
              <a:gd name="connsiteX10" fmla="*/ 68580 w 257175"/>
              <a:gd name="connsiteY10" fmla="*/ 257048 h 279400"/>
              <a:gd name="connsiteX11" fmla="*/ 22860 w 257175"/>
              <a:gd name="connsiteY11" fmla="*/ 257048 h 279400"/>
              <a:gd name="connsiteX12" fmla="*/ 22860 w 257175"/>
              <a:gd name="connsiteY12" fmla="*/ 22352 h 279400"/>
              <a:gd name="connsiteX13" fmla="*/ 240030 w 257175"/>
              <a:gd name="connsiteY13" fmla="*/ 22352 h 279400"/>
              <a:gd name="connsiteX14" fmla="*/ 240030 w 257175"/>
              <a:gd name="connsiteY14" fmla="*/ 257048 h 279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257175" h="279400">
                <a:moveTo>
                  <a:pt x="0" y="0"/>
                </a:moveTo>
                <a:lnTo>
                  <a:pt x="0" y="279400"/>
                </a:lnTo>
                <a:lnTo>
                  <a:pt x="262890" y="279400"/>
                </a:lnTo>
                <a:lnTo>
                  <a:pt x="262890" y="0"/>
                </a:lnTo>
                <a:close/>
                <a:moveTo>
                  <a:pt x="240030" y="257048"/>
                </a:moveTo>
                <a:lnTo>
                  <a:pt x="194310" y="257048"/>
                </a:lnTo>
                <a:lnTo>
                  <a:pt x="194310" y="167640"/>
                </a:lnTo>
                <a:cubicBezTo>
                  <a:pt x="193999" y="155169"/>
                  <a:pt x="183541" y="145234"/>
                  <a:pt x="170783" y="145288"/>
                </a:cubicBezTo>
                <a:lnTo>
                  <a:pt x="92869" y="145288"/>
                </a:lnTo>
                <a:cubicBezTo>
                  <a:pt x="79955" y="145172"/>
                  <a:pt x="69243" y="155029"/>
                  <a:pt x="68580" y="167640"/>
                </a:cubicBezTo>
                <a:lnTo>
                  <a:pt x="68580" y="257048"/>
                </a:lnTo>
                <a:lnTo>
                  <a:pt x="22860" y="257048"/>
                </a:lnTo>
                <a:lnTo>
                  <a:pt x="22860" y="22352"/>
                </a:lnTo>
                <a:lnTo>
                  <a:pt x="240030" y="22352"/>
                </a:lnTo>
                <a:lnTo>
                  <a:pt x="240030" y="257048"/>
                </a:lnTo>
                <a:close/>
              </a:path>
            </a:pathLst>
          </a:custGeom>
          <a:solidFill>
            <a:schemeClr val="bg2"/>
          </a:solidFill>
          <a:ln w="9525" cap="flat">
            <a:solidFill>
              <a:schemeClr val="bg2"/>
            </a:solidFill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10" name="Tekstvak 99">
            <a:extLst>
              <a:ext uri="{FF2B5EF4-FFF2-40B4-BE49-F238E27FC236}">
                <a16:creationId xmlns="" xmlns:a16="http://schemas.microsoft.com/office/drawing/2014/main" id="{52E227FA-D86E-4AB3-A9AE-9A665FA93E71}"/>
              </a:ext>
            </a:extLst>
          </p:cNvPr>
          <p:cNvSpPr txBox="1"/>
          <p:nvPr userDrawn="1"/>
        </p:nvSpPr>
        <p:spPr>
          <a:xfrm>
            <a:off x="7353495" y="30945"/>
            <a:ext cx="1364074" cy="350871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ru-RU" sz="1150" b="0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Клинические случаи </a:t>
            </a:r>
          </a:p>
        </p:txBody>
      </p:sp>
      <p:sp>
        <p:nvSpPr>
          <p:cNvPr id="119" name="Vrije vorm 95">
            <a:extLst>
              <a:ext uri="{FF2B5EF4-FFF2-40B4-BE49-F238E27FC236}">
                <a16:creationId xmlns="" xmlns:a16="http://schemas.microsoft.com/office/drawing/2014/main" id="{858789C8-4D3A-4C1B-BDF6-EF769784A427}"/>
              </a:ext>
            </a:extLst>
          </p:cNvPr>
          <p:cNvSpPr/>
          <p:nvPr userDrawn="1"/>
        </p:nvSpPr>
        <p:spPr>
          <a:xfrm>
            <a:off x="8737951" y="193663"/>
            <a:ext cx="224323" cy="116524"/>
          </a:xfrm>
          <a:custGeom>
            <a:avLst/>
            <a:gdLst>
              <a:gd name="connsiteX0" fmla="*/ 210952 w 228600"/>
              <a:gd name="connsiteY0" fmla="*/ 167267 h 158326"/>
              <a:gd name="connsiteX1" fmla="*/ 18197 w 228600"/>
              <a:gd name="connsiteY1" fmla="*/ 167267 h 158326"/>
              <a:gd name="connsiteX2" fmla="*/ 50932 w 228600"/>
              <a:gd name="connsiteY2" fmla="*/ 101795 h 158326"/>
              <a:gd name="connsiteX3" fmla="*/ 0 w 228600"/>
              <a:gd name="connsiteY3" fmla="*/ 0 h 158326"/>
              <a:gd name="connsiteX4" fmla="*/ 229149 w 228600"/>
              <a:gd name="connsiteY4" fmla="*/ 0 h 158326"/>
              <a:gd name="connsiteX5" fmla="*/ 178308 w 228600"/>
              <a:gd name="connsiteY5" fmla="*/ 101236 h 158326"/>
              <a:gd name="connsiteX6" fmla="*/ 210952 w 228600"/>
              <a:gd name="connsiteY6" fmla="*/ 167267 h 1583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8326">
                <a:moveTo>
                  <a:pt x="210952" y="167267"/>
                </a:moveTo>
                <a:lnTo>
                  <a:pt x="18197" y="167267"/>
                </a:lnTo>
                <a:lnTo>
                  <a:pt x="50932" y="101795"/>
                </a:lnTo>
                <a:lnTo>
                  <a:pt x="0" y="0"/>
                </a:lnTo>
                <a:lnTo>
                  <a:pt x="229149" y="0"/>
                </a:lnTo>
                <a:lnTo>
                  <a:pt x="178308" y="101236"/>
                </a:lnTo>
                <a:lnTo>
                  <a:pt x="210952" y="167267"/>
                </a:lnTo>
                <a:close/>
              </a:path>
            </a:pathLst>
          </a:custGeom>
          <a:solidFill>
            <a:schemeClr val="bg1"/>
          </a:solidFill>
          <a:ln w="9144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20" name="Vrije vorm 96">
            <a:extLst>
              <a:ext uri="{FF2B5EF4-FFF2-40B4-BE49-F238E27FC236}">
                <a16:creationId xmlns="" xmlns:a16="http://schemas.microsoft.com/office/drawing/2014/main" id="{E7C58AC8-0635-4AAF-A474-294E4A4A36AE}"/>
              </a:ext>
            </a:extLst>
          </p:cNvPr>
          <p:cNvSpPr/>
          <p:nvPr userDrawn="1"/>
        </p:nvSpPr>
        <p:spPr>
          <a:xfrm>
            <a:off x="8877569" y="128066"/>
            <a:ext cx="35892" cy="47980"/>
          </a:xfrm>
          <a:custGeom>
            <a:avLst/>
            <a:gdLst>
              <a:gd name="connsiteX0" fmla="*/ 22311 w 36576"/>
              <a:gd name="connsiteY0" fmla="*/ 0 h 65193"/>
              <a:gd name="connsiteX1" fmla="*/ 44257 w 36576"/>
              <a:gd name="connsiteY1" fmla="*/ 0 h 65193"/>
              <a:gd name="connsiteX2" fmla="*/ 21854 w 36576"/>
              <a:gd name="connsiteY2" fmla="*/ 66870 h 65193"/>
              <a:gd name="connsiteX3" fmla="*/ 0 w 36576"/>
              <a:gd name="connsiteY3" fmla="*/ 66870 h 65193"/>
              <a:gd name="connsiteX4" fmla="*/ 22311 w 36576"/>
              <a:gd name="connsiteY4" fmla="*/ 0 h 651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576" h="65193">
                <a:moveTo>
                  <a:pt x="22311" y="0"/>
                </a:moveTo>
                <a:lnTo>
                  <a:pt x="44257" y="0"/>
                </a:lnTo>
                <a:lnTo>
                  <a:pt x="21854" y="66870"/>
                </a:lnTo>
                <a:lnTo>
                  <a:pt x="0" y="66870"/>
                </a:lnTo>
                <a:lnTo>
                  <a:pt x="22311" y="0"/>
                </a:lnTo>
                <a:close/>
              </a:path>
            </a:pathLst>
          </a:custGeom>
          <a:solidFill>
            <a:schemeClr val="bg1"/>
          </a:solidFill>
          <a:ln w="9144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37" name="Vrije vorm 97">
            <a:extLst>
              <a:ext uri="{FF2B5EF4-FFF2-40B4-BE49-F238E27FC236}">
                <a16:creationId xmlns="" xmlns:a16="http://schemas.microsoft.com/office/drawing/2014/main" id="{AF2A220E-9FDE-4AB1-99DF-4AD06E32021B}"/>
              </a:ext>
            </a:extLst>
          </p:cNvPr>
          <p:cNvSpPr/>
          <p:nvPr userDrawn="1"/>
        </p:nvSpPr>
        <p:spPr>
          <a:xfrm>
            <a:off x="8885557" y="111136"/>
            <a:ext cx="44864" cy="34272"/>
          </a:xfrm>
          <a:custGeom>
            <a:avLst/>
            <a:gdLst>
              <a:gd name="connsiteX0" fmla="*/ 49377 w 45720"/>
              <a:gd name="connsiteY0" fmla="*/ 25053 h 46566"/>
              <a:gd name="connsiteX1" fmla="*/ 24780 w 45720"/>
              <a:gd name="connsiteY1" fmla="*/ 50292 h 46566"/>
              <a:gd name="connsiteX2" fmla="*/ 0 w 45720"/>
              <a:gd name="connsiteY2" fmla="*/ 25239 h 46566"/>
              <a:gd name="connsiteX3" fmla="*/ 24597 w 45720"/>
              <a:gd name="connsiteY3" fmla="*/ 0 h 46566"/>
              <a:gd name="connsiteX4" fmla="*/ 24689 w 45720"/>
              <a:gd name="connsiteY4" fmla="*/ 0 h 46566"/>
              <a:gd name="connsiteX5" fmla="*/ 49377 w 45720"/>
              <a:gd name="connsiteY5" fmla="*/ 25053 h 4656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5720" h="46566">
                <a:moveTo>
                  <a:pt x="49377" y="25053"/>
                </a:moveTo>
                <a:cubicBezTo>
                  <a:pt x="49428" y="38941"/>
                  <a:pt x="38415" y="50240"/>
                  <a:pt x="24780" y="50292"/>
                </a:cubicBezTo>
                <a:cubicBezTo>
                  <a:pt x="11145" y="50343"/>
                  <a:pt x="51" y="39127"/>
                  <a:pt x="0" y="25239"/>
                </a:cubicBezTo>
                <a:cubicBezTo>
                  <a:pt x="-50" y="11351"/>
                  <a:pt x="10962" y="52"/>
                  <a:pt x="24597" y="0"/>
                </a:cubicBezTo>
                <a:cubicBezTo>
                  <a:pt x="24628" y="0"/>
                  <a:pt x="24658" y="0"/>
                  <a:pt x="24689" y="0"/>
                </a:cubicBezTo>
                <a:cubicBezTo>
                  <a:pt x="38288" y="0"/>
                  <a:pt x="49327" y="11201"/>
                  <a:pt x="49377" y="25053"/>
                </a:cubicBezTo>
              </a:path>
            </a:pathLst>
          </a:custGeom>
          <a:solidFill>
            <a:schemeClr val="bg1"/>
          </a:solidFill>
          <a:ln w="9144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38" name="Tekstvak 94">
            <a:extLst>
              <a:ext uri="{FF2B5EF4-FFF2-40B4-BE49-F238E27FC236}">
                <a16:creationId xmlns="" xmlns:a16="http://schemas.microsoft.com/office/drawing/2014/main" id="{B970C877-327A-432C-B888-8CF5DA74F181}"/>
              </a:ext>
            </a:extLst>
          </p:cNvPr>
          <p:cNvSpPr txBox="1"/>
          <p:nvPr userDrawn="1"/>
        </p:nvSpPr>
        <p:spPr>
          <a:xfrm>
            <a:off x="9123568" y="118662"/>
            <a:ext cx="566075" cy="175435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ru-RU" sz="1150" b="0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ИМП</a:t>
            </a:r>
            <a:endParaRPr lang="nl-NL" sz="1150" b="0" i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9" name="Vrije vorm 91">
            <a:extLst>
              <a:ext uri="{FF2B5EF4-FFF2-40B4-BE49-F238E27FC236}">
                <a16:creationId xmlns="" xmlns:a16="http://schemas.microsoft.com/office/drawing/2014/main" id="{7A7D7FAB-844A-4D13-8F0D-2AA8B246E8C9}"/>
              </a:ext>
            </a:extLst>
          </p:cNvPr>
          <p:cNvSpPr/>
          <p:nvPr userDrawn="1"/>
        </p:nvSpPr>
        <p:spPr>
          <a:xfrm>
            <a:off x="10082934" y="108445"/>
            <a:ext cx="221559" cy="164503"/>
          </a:xfrm>
          <a:custGeom>
            <a:avLst/>
            <a:gdLst>
              <a:gd name="connsiteX0" fmla="*/ 72437 w 225777"/>
              <a:gd name="connsiteY0" fmla="*/ 230319 h 223520"/>
              <a:gd name="connsiteX1" fmla="*/ 0 w 225777"/>
              <a:gd name="connsiteY1" fmla="*/ 165964 h 223520"/>
              <a:gd name="connsiteX2" fmla="*/ 0 w 225777"/>
              <a:gd name="connsiteY2" fmla="*/ 165964 h 223520"/>
              <a:gd name="connsiteX3" fmla="*/ 28504 w 225777"/>
              <a:gd name="connsiteY3" fmla="*/ 127500 h 223520"/>
              <a:gd name="connsiteX4" fmla="*/ 68580 w 225777"/>
              <a:gd name="connsiteY4" fmla="*/ 183566 h 223520"/>
              <a:gd name="connsiteX5" fmla="*/ 190688 w 225777"/>
              <a:gd name="connsiteY5" fmla="*/ 0 h 223520"/>
              <a:gd name="connsiteX6" fmla="*/ 226060 w 225777"/>
              <a:gd name="connsiteY6" fmla="*/ 24028 h 223520"/>
              <a:gd name="connsiteX7" fmla="*/ 72437 w 225777"/>
              <a:gd name="connsiteY7" fmla="*/ 230319 h 2235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25777" h="223520">
                <a:moveTo>
                  <a:pt x="72437" y="230319"/>
                </a:moveTo>
                <a:lnTo>
                  <a:pt x="0" y="165964"/>
                </a:lnTo>
                <a:lnTo>
                  <a:pt x="0" y="165964"/>
                </a:lnTo>
                <a:lnTo>
                  <a:pt x="28504" y="127500"/>
                </a:lnTo>
                <a:lnTo>
                  <a:pt x="68580" y="183566"/>
                </a:lnTo>
                <a:lnTo>
                  <a:pt x="190688" y="0"/>
                </a:lnTo>
                <a:lnTo>
                  <a:pt x="226060" y="24028"/>
                </a:lnTo>
                <a:lnTo>
                  <a:pt x="72437" y="230319"/>
                </a:lnTo>
                <a:close/>
              </a:path>
            </a:pathLst>
          </a:custGeom>
          <a:solidFill>
            <a:schemeClr val="bg1"/>
          </a:solidFill>
          <a:ln w="9172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40" name="Vrije vorm 92">
            <a:extLst>
              <a:ext uri="{FF2B5EF4-FFF2-40B4-BE49-F238E27FC236}">
                <a16:creationId xmlns="" xmlns:a16="http://schemas.microsoft.com/office/drawing/2014/main" id="{A5830D6E-DDA0-4C91-A8F8-34715743E049}"/>
              </a:ext>
            </a:extLst>
          </p:cNvPr>
          <p:cNvSpPr/>
          <p:nvPr userDrawn="1"/>
        </p:nvSpPr>
        <p:spPr>
          <a:xfrm>
            <a:off x="10053723" y="113791"/>
            <a:ext cx="221556" cy="198775"/>
          </a:xfrm>
          <a:custGeom>
            <a:avLst/>
            <a:gdLst>
              <a:gd name="connsiteX0" fmla="*/ 229070 w 225777"/>
              <a:gd name="connsiteY0" fmla="*/ 272136 h 270086"/>
              <a:gd name="connsiteX1" fmla="*/ 0 w 225777"/>
              <a:gd name="connsiteY1" fmla="*/ 272136 h 270086"/>
              <a:gd name="connsiteX2" fmla="*/ 0 w 225777"/>
              <a:gd name="connsiteY2" fmla="*/ 0 h 270086"/>
              <a:gd name="connsiteX3" fmla="*/ 187960 w 225777"/>
              <a:gd name="connsiteY3" fmla="*/ 0 h 270086"/>
              <a:gd name="connsiteX4" fmla="*/ 172720 w 225777"/>
              <a:gd name="connsiteY4" fmla="*/ 22631 h 270086"/>
              <a:gd name="connsiteX5" fmla="*/ 22954 w 225777"/>
              <a:gd name="connsiteY5" fmla="*/ 22631 h 270086"/>
              <a:gd name="connsiteX6" fmla="*/ 22954 w 225777"/>
              <a:gd name="connsiteY6" fmla="*/ 249504 h 270086"/>
              <a:gd name="connsiteX7" fmla="*/ 206210 w 225777"/>
              <a:gd name="connsiteY7" fmla="*/ 249504 h 270086"/>
              <a:gd name="connsiteX8" fmla="*/ 206210 w 225777"/>
              <a:gd name="connsiteY8" fmla="*/ 139886 h 270086"/>
              <a:gd name="connsiteX9" fmla="*/ 229070 w 225777"/>
              <a:gd name="connsiteY9" fmla="*/ 107755 h 270086"/>
              <a:gd name="connsiteX10" fmla="*/ 229070 w 225777"/>
              <a:gd name="connsiteY10" fmla="*/ 272136 h 2700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225777" h="270086">
                <a:moveTo>
                  <a:pt x="229070" y="272136"/>
                </a:moveTo>
                <a:lnTo>
                  <a:pt x="0" y="272136"/>
                </a:lnTo>
                <a:lnTo>
                  <a:pt x="0" y="0"/>
                </a:lnTo>
                <a:lnTo>
                  <a:pt x="187960" y="0"/>
                </a:lnTo>
                <a:lnTo>
                  <a:pt x="172720" y="22631"/>
                </a:lnTo>
                <a:lnTo>
                  <a:pt x="22954" y="22631"/>
                </a:lnTo>
                <a:lnTo>
                  <a:pt x="22954" y="249504"/>
                </a:lnTo>
                <a:lnTo>
                  <a:pt x="206210" y="249504"/>
                </a:lnTo>
                <a:lnTo>
                  <a:pt x="206210" y="139886"/>
                </a:lnTo>
                <a:lnTo>
                  <a:pt x="229070" y="107755"/>
                </a:lnTo>
                <a:lnTo>
                  <a:pt x="229070" y="272136"/>
                </a:lnTo>
                <a:close/>
              </a:path>
            </a:pathLst>
          </a:custGeom>
          <a:solidFill>
            <a:schemeClr val="bg1"/>
          </a:solidFill>
          <a:ln w="9172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41" name="Tekstvak 90">
            <a:extLst>
              <a:ext uri="{FF2B5EF4-FFF2-40B4-BE49-F238E27FC236}">
                <a16:creationId xmlns="" xmlns:a16="http://schemas.microsoft.com/office/drawing/2014/main" id="{9F8FC0E2-C5DC-4311-852B-CC06A15819DD}"/>
              </a:ext>
            </a:extLst>
          </p:cNvPr>
          <p:cNvSpPr txBox="1"/>
          <p:nvPr userDrawn="1"/>
        </p:nvSpPr>
        <p:spPr>
          <a:xfrm>
            <a:off x="10464133" y="118662"/>
            <a:ext cx="907205" cy="175435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ru-RU" sz="1150" b="0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Резюме</a:t>
            </a:r>
          </a:p>
        </p:txBody>
      </p:sp>
      <p:sp>
        <p:nvSpPr>
          <p:cNvPr id="142" name="Oval 141">
            <a:extLst>
              <a:ext uri="{FF2B5EF4-FFF2-40B4-BE49-F238E27FC236}">
                <a16:creationId xmlns="" xmlns:a16="http://schemas.microsoft.com/office/drawing/2014/main" id="{54E7E22E-E8D3-49BC-8C98-55523E97A5B6}"/>
              </a:ext>
            </a:extLst>
          </p:cNvPr>
          <p:cNvSpPr/>
          <p:nvPr userDrawn="1"/>
        </p:nvSpPr>
        <p:spPr>
          <a:xfrm>
            <a:off x="7036401" y="149326"/>
            <a:ext cx="60959" cy="45719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900">
              <a:solidFill>
                <a:schemeClr val="tx1"/>
              </a:solidFill>
            </a:endParaRPr>
          </a:p>
        </p:txBody>
      </p:sp>
      <p:grpSp>
        <p:nvGrpSpPr>
          <p:cNvPr id="214" name="Groep 177">
            <a:extLst>
              <a:ext uri="{FF2B5EF4-FFF2-40B4-BE49-F238E27FC236}">
                <a16:creationId xmlns="" xmlns:a16="http://schemas.microsoft.com/office/drawing/2014/main" id="{56968780-DA69-4EE9-903A-CCBB96B3F84E}"/>
              </a:ext>
            </a:extLst>
          </p:cNvPr>
          <p:cNvGrpSpPr/>
          <p:nvPr userDrawn="1"/>
        </p:nvGrpSpPr>
        <p:grpSpPr>
          <a:xfrm>
            <a:off x="2136939" y="6458731"/>
            <a:ext cx="1478157" cy="199392"/>
            <a:chOff x="693440" y="6458731"/>
            <a:chExt cx="1108618" cy="199392"/>
          </a:xfrm>
        </p:grpSpPr>
        <p:grpSp>
          <p:nvGrpSpPr>
            <p:cNvPr id="215" name="Graphic 38">
              <a:extLst>
                <a:ext uri="{FF2B5EF4-FFF2-40B4-BE49-F238E27FC236}">
                  <a16:creationId xmlns="" xmlns:a16="http://schemas.microsoft.com/office/drawing/2014/main" id="{621D3605-F9A7-4710-93B4-2A11F6774764}"/>
                </a:ext>
              </a:extLst>
            </p:cNvPr>
            <p:cNvGrpSpPr/>
            <p:nvPr/>
          </p:nvGrpSpPr>
          <p:grpSpPr>
            <a:xfrm>
              <a:off x="693440" y="6458731"/>
              <a:ext cx="179970" cy="199392"/>
              <a:chOff x="4445000" y="3289300"/>
              <a:chExt cx="244535" cy="270925"/>
            </a:xfrm>
            <a:solidFill>
              <a:schemeClr val="tx1"/>
            </a:solidFill>
          </p:grpSpPr>
          <p:sp>
            <p:nvSpPr>
              <p:cNvPr id="217" name="Vrije vorm 194">
                <a:extLst>
                  <a:ext uri="{FF2B5EF4-FFF2-40B4-BE49-F238E27FC236}">
                    <a16:creationId xmlns="" xmlns:a16="http://schemas.microsoft.com/office/drawing/2014/main" id="{B3639C6C-D9A2-4832-AC46-2D94A75BDED9}"/>
                  </a:ext>
                </a:extLst>
              </p:cNvPr>
              <p:cNvSpPr/>
              <p:nvPr/>
            </p:nvSpPr>
            <p:spPr>
              <a:xfrm>
                <a:off x="4445000" y="3532285"/>
                <a:ext cx="56444" cy="27940"/>
              </a:xfrm>
              <a:custGeom>
                <a:avLst/>
                <a:gdLst>
                  <a:gd name="connsiteX0" fmla="*/ 0 w 56444"/>
                  <a:gd name="connsiteY0" fmla="*/ 0 h 27940"/>
                  <a:gd name="connsiteX1" fmla="*/ 61336 w 56444"/>
                  <a:gd name="connsiteY1" fmla="*/ 0 h 27940"/>
                  <a:gd name="connsiteX2" fmla="*/ 61336 w 56444"/>
                  <a:gd name="connsiteY2" fmla="*/ 36415 h 27940"/>
                  <a:gd name="connsiteX3" fmla="*/ 0 w 56444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27940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18" name="Vrije vorm 195">
                <a:extLst>
                  <a:ext uri="{FF2B5EF4-FFF2-40B4-BE49-F238E27FC236}">
                    <a16:creationId xmlns="" xmlns:a16="http://schemas.microsoft.com/office/drawing/2014/main" id="{4590E36B-8435-4CCD-A9E1-59CA5A11483C}"/>
                  </a:ext>
                </a:extLst>
              </p:cNvPr>
              <p:cNvSpPr/>
              <p:nvPr/>
            </p:nvSpPr>
            <p:spPr>
              <a:xfrm>
                <a:off x="4445000" y="3495777"/>
                <a:ext cx="56444" cy="18627"/>
              </a:xfrm>
              <a:custGeom>
                <a:avLst/>
                <a:gdLst>
                  <a:gd name="connsiteX0" fmla="*/ 0 w 56444"/>
                  <a:gd name="connsiteY0" fmla="*/ 0 h 18626"/>
                  <a:gd name="connsiteX1" fmla="*/ 61336 w 56444"/>
                  <a:gd name="connsiteY1" fmla="*/ 0 h 18626"/>
                  <a:gd name="connsiteX2" fmla="*/ 61336 w 56444"/>
                  <a:gd name="connsiteY2" fmla="*/ 24308 h 18626"/>
                  <a:gd name="connsiteX3" fmla="*/ 0 w 56444"/>
                  <a:gd name="connsiteY3" fmla="*/ 24308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1862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24308"/>
                    </a:lnTo>
                    <a:lnTo>
                      <a:pt x="0" y="24308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19" name="Vrije vorm 196">
                <a:extLst>
                  <a:ext uri="{FF2B5EF4-FFF2-40B4-BE49-F238E27FC236}">
                    <a16:creationId xmlns="" xmlns:a16="http://schemas.microsoft.com/office/drawing/2014/main" id="{2441E26C-F99B-45E5-B186-C441E43D1AFD}"/>
                  </a:ext>
                </a:extLst>
              </p:cNvPr>
              <p:cNvSpPr/>
              <p:nvPr/>
            </p:nvSpPr>
            <p:spPr>
              <a:xfrm>
                <a:off x="4445000" y="3374331"/>
                <a:ext cx="56444" cy="102447"/>
              </a:xfrm>
              <a:custGeom>
                <a:avLst/>
                <a:gdLst>
                  <a:gd name="connsiteX0" fmla="*/ 0 w 56444"/>
                  <a:gd name="connsiteY0" fmla="*/ 0 h 102446"/>
                  <a:gd name="connsiteX1" fmla="*/ 61336 w 56444"/>
                  <a:gd name="connsiteY1" fmla="*/ 0 h 102446"/>
                  <a:gd name="connsiteX2" fmla="*/ 61336 w 56444"/>
                  <a:gd name="connsiteY2" fmla="*/ 109339 h 102446"/>
                  <a:gd name="connsiteX3" fmla="*/ 0 w 56444"/>
                  <a:gd name="connsiteY3" fmla="*/ 109339 h 10244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10244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109339"/>
                    </a:lnTo>
                    <a:lnTo>
                      <a:pt x="0" y="109339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0" name="Vrije vorm 197">
                <a:extLst>
                  <a:ext uri="{FF2B5EF4-FFF2-40B4-BE49-F238E27FC236}">
                    <a16:creationId xmlns="" xmlns:a16="http://schemas.microsoft.com/office/drawing/2014/main" id="{742AD70E-83BA-43E0-BA1E-D28492166835}"/>
                  </a:ext>
                </a:extLst>
              </p:cNvPr>
              <p:cNvSpPr/>
              <p:nvPr/>
            </p:nvSpPr>
            <p:spPr>
              <a:xfrm>
                <a:off x="4445000" y="3313608"/>
                <a:ext cx="56444" cy="46567"/>
              </a:xfrm>
              <a:custGeom>
                <a:avLst/>
                <a:gdLst>
                  <a:gd name="connsiteX0" fmla="*/ 0 w 56444"/>
                  <a:gd name="connsiteY0" fmla="*/ 0 h 46566"/>
                  <a:gd name="connsiteX1" fmla="*/ 61336 w 56444"/>
                  <a:gd name="connsiteY1" fmla="*/ 0 h 46566"/>
                  <a:gd name="connsiteX2" fmla="*/ 61336 w 56444"/>
                  <a:gd name="connsiteY2" fmla="*/ 48616 h 46566"/>
                  <a:gd name="connsiteX3" fmla="*/ 0 w 56444"/>
                  <a:gd name="connsiteY3" fmla="*/ 48616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4656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48616"/>
                    </a:lnTo>
                    <a:lnTo>
                      <a:pt x="0" y="4861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1" name="Vrije vorm 198">
                <a:extLst>
                  <a:ext uri="{FF2B5EF4-FFF2-40B4-BE49-F238E27FC236}">
                    <a16:creationId xmlns="" xmlns:a16="http://schemas.microsoft.com/office/drawing/2014/main" id="{77978E5B-C724-45D4-8FC7-3E47C6E932E2}"/>
                  </a:ext>
                </a:extLst>
              </p:cNvPr>
              <p:cNvSpPr/>
              <p:nvPr/>
            </p:nvSpPr>
            <p:spPr>
              <a:xfrm>
                <a:off x="4518660" y="3532285"/>
                <a:ext cx="65852" cy="27940"/>
              </a:xfrm>
              <a:custGeom>
                <a:avLst/>
                <a:gdLst>
                  <a:gd name="connsiteX0" fmla="*/ 0 w 65851"/>
                  <a:gd name="connsiteY0" fmla="*/ 0 h 27940"/>
                  <a:gd name="connsiteX1" fmla="*/ 73660 w 65851"/>
                  <a:gd name="connsiteY1" fmla="*/ 0 h 27940"/>
                  <a:gd name="connsiteX2" fmla="*/ 73660 w 65851"/>
                  <a:gd name="connsiteY2" fmla="*/ 36415 h 27940"/>
                  <a:gd name="connsiteX3" fmla="*/ 0 w 65851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27940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2" name="Vrije vorm 199">
                <a:extLst>
                  <a:ext uri="{FF2B5EF4-FFF2-40B4-BE49-F238E27FC236}">
                    <a16:creationId xmlns="" xmlns:a16="http://schemas.microsoft.com/office/drawing/2014/main" id="{CC7CB5C7-D010-4DBF-A410-27091584DDE3}"/>
                  </a:ext>
                </a:extLst>
              </p:cNvPr>
              <p:cNvSpPr/>
              <p:nvPr/>
            </p:nvSpPr>
            <p:spPr>
              <a:xfrm>
                <a:off x="4518661" y="3483667"/>
                <a:ext cx="65852" cy="27940"/>
              </a:xfrm>
              <a:custGeom>
                <a:avLst/>
                <a:gdLst>
                  <a:gd name="connsiteX0" fmla="*/ 0 w 65851"/>
                  <a:gd name="connsiteY0" fmla="*/ 0 h 27940"/>
                  <a:gd name="connsiteX1" fmla="*/ 73660 w 65851"/>
                  <a:gd name="connsiteY1" fmla="*/ 0 h 27940"/>
                  <a:gd name="connsiteX2" fmla="*/ 73660 w 65851"/>
                  <a:gd name="connsiteY2" fmla="*/ 36415 h 27940"/>
                  <a:gd name="connsiteX3" fmla="*/ 0 w 65851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27940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3" name="Vrije vorm 200">
                <a:extLst>
                  <a:ext uri="{FF2B5EF4-FFF2-40B4-BE49-F238E27FC236}">
                    <a16:creationId xmlns="" xmlns:a16="http://schemas.microsoft.com/office/drawing/2014/main" id="{60DACC97-B974-460A-8AF0-5011255224BB}"/>
                  </a:ext>
                </a:extLst>
              </p:cNvPr>
              <p:cNvSpPr/>
              <p:nvPr/>
            </p:nvSpPr>
            <p:spPr>
              <a:xfrm>
                <a:off x="4518660" y="3350023"/>
                <a:ext cx="65852" cy="121073"/>
              </a:xfrm>
              <a:custGeom>
                <a:avLst/>
                <a:gdLst>
                  <a:gd name="connsiteX0" fmla="*/ 0 w 65851"/>
                  <a:gd name="connsiteY0" fmla="*/ 0 h 121073"/>
                  <a:gd name="connsiteX1" fmla="*/ 73660 w 65851"/>
                  <a:gd name="connsiteY1" fmla="*/ 0 h 121073"/>
                  <a:gd name="connsiteX2" fmla="*/ 73660 w 65851"/>
                  <a:gd name="connsiteY2" fmla="*/ 121446 h 121073"/>
                  <a:gd name="connsiteX3" fmla="*/ 0 w 65851"/>
                  <a:gd name="connsiteY3" fmla="*/ 121446 h 1210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121072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121446"/>
                    </a:lnTo>
                    <a:lnTo>
                      <a:pt x="0" y="12144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4" name="Vrije vorm 201">
                <a:extLst>
                  <a:ext uri="{FF2B5EF4-FFF2-40B4-BE49-F238E27FC236}">
                    <a16:creationId xmlns="" xmlns:a16="http://schemas.microsoft.com/office/drawing/2014/main" id="{1A564DED-79BC-4D14-8E33-1F3A21A421EC}"/>
                  </a:ext>
                </a:extLst>
              </p:cNvPr>
              <p:cNvSpPr/>
              <p:nvPr/>
            </p:nvSpPr>
            <p:spPr>
              <a:xfrm>
                <a:off x="4518660" y="3289300"/>
                <a:ext cx="65852" cy="46567"/>
              </a:xfrm>
              <a:custGeom>
                <a:avLst/>
                <a:gdLst>
                  <a:gd name="connsiteX0" fmla="*/ 0 w 65851"/>
                  <a:gd name="connsiteY0" fmla="*/ 0 h 46566"/>
                  <a:gd name="connsiteX1" fmla="*/ 73660 w 65851"/>
                  <a:gd name="connsiteY1" fmla="*/ 0 h 46566"/>
                  <a:gd name="connsiteX2" fmla="*/ 73660 w 65851"/>
                  <a:gd name="connsiteY2" fmla="*/ 48616 h 46566"/>
                  <a:gd name="connsiteX3" fmla="*/ 0 w 65851"/>
                  <a:gd name="connsiteY3" fmla="*/ 48616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46566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48616"/>
                    </a:lnTo>
                    <a:lnTo>
                      <a:pt x="0" y="4861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5" name="Vrije vorm 202">
                <a:extLst>
                  <a:ext uri="{FF2B5EF4-FFF2-40B4-BE49-F238E27FC236}">
                    <a16:creationId xmlns="" xmlns:a16="http://schemas.microsoft.com/office/drawing/2014/main" id="{AD8ABDEA-3888-4FE9-AE0C-EEA44EA881D5}"/>
                  </a:ext>
                </a:extLst>
              </p:cNvPr>
              <p:cNvSpPr/>
              <p:nvPr/>
            </p:nvSpPr>
            <p:spPr>
              <a:xfrm>
                <a:off x="4612423" y="3299078"/>
                <a:ext cx="56444" cy="46567"/>
              </a:xfrm>
              <a:custGeom>
                <a:avLst/>
                <a:gdLst>
                  <a:gd name="connsiteX0" fmla="*/ 0 w 56444"/>
                  <a:gd name="connsiteY0" fmla="*/ 5187 h 46566"/>
                  <a:gd name="connsiteX1" fmla="*/ 61112 w 56444"/>
                  <a:gd name="connsiteY1" fmla="*/ 0 h 46566"/>
                  <a:gd name="connsiteX2" fmla="*/ 65307 w 56444"/>
                  <a:gd name="connsiteY2" fmla="*/ 48438 h 46566"/>
                  <a:gd name="connsiteX3" fmla="*/ 4195 w 56444"/>
                  <a:gd name="connsiteY3" fmla="*/ 53625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46566">
                    <a:moveTo>
                      <a:pt x="0" y="5187"/>
                    </a:moveTo>
                    <a:lnTo>
                      <a:pt x="61112" y="0"/>
                    </a:lnTo>
                    <a:lnTo>
                      <a:pt x="65307" y="48438"/>
                    </a:lnTo>
                    <a:lnTo>
                      <a:pt x="4195" y="5362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6" name="Vrije vorm 203">
                <a:extLst>
                  <a:ext uri="{FF2B5EF4-FFF2-40B4-BE49-F238E27FC236}">
                    <a16:creationId xmlns="" xmlns:a16="http://schemas.microsoft.com/office/drawing/2014/main" id="{A8C7C50F-1D39-4F85-9704-DB635CB4E497}"/>
                  </a:ext>
                </a:extLst>
              </p:cNvPr>
              <p:cNvSpPr/>
              <p:nvPr/>
            </p:nvSpPr>
            <p:spPr>
              <a:xfrm>
                <a:off x="4617779" y="3359513"/>
                <a:ext cx="65852" cy="111760"/>
              </a:xfrm>
              <a:custGeom>
                <a:avLst/>
                <a:gdLst>
                  <a:gd name="connsiteX0" fmla="*/ 0 w 65851"/>
                  <a:gd name="connsiteY0" fmla="*/ 5176 h 111760"/>
                  <a:gd name="connsiteX1" fmla="*/ 61113 w 65851"/>
                  <a:gd name="connsiteY1" fmla="*/ 0 h 111760"/>
                  <a:gd name="connsiteX2" fmla="*/ 70528 w 65851"/>
                  <a:gd name="connsiteY2" fmla="*/ 108941 h 111760"/>
                  <a:gd name="connsiteX3" fmla="*/ 9414 w 65851"/>
                  <a:gd name="connsiteY3" fmla="*/ 114117 h 1117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111760">
                    <a:moveTo>
                      <a:pt x="0" y="5176"/>
                    </a:moveTo>
                    <a:lnTo>
                      <a:pt x="61113" y="0"/>
                    </a:lnTo>
                    <a:lnTo>
                      <a:pt x="70528" y="108941"/>
                    </a:lnTo>
                    <a:lnTo>
                      <a:pt x="9414" y="114117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7" name="Vrije vorm 204">
                <a:extLst>
                  <a:ext uri="{FF2B5EF4-FFF2-40B4-BE49-F238E27FC236}">
                    <a16:creationId xmlns="" xmlns:a16="http://schemas.microsoft.com/office/drawing/2014/main" id="{9754D187-2E70-485A-B02F-92F663292680}"/>
                  </a:ext>
                </a:extLst>
              </p:cNvPr>
              <p:cNvSpPr/>
              <p:nvPr/>
            </p:nvSpPr>
            <p:spPr>
              <a:xfrm>
                <a:off x="4628219" y="3480553"/>
                <a:ext cx="56444" cy="27940"/>
              </a:xfrm>
              <a:custGeom>
                <a:avLst/>
                <a:gdLst>
                  <a:gd name="connsiteX0" fmla="*/ 0 w 56444"/>
                  <a:gd name="connsiteY0" fmla="*/ 5187 h 27940"/>
                  <a:gd name="connsiteX1" fmla="*/ 61112 w 56444"/>
                  <a:gd name="connsiteY1" fmla="*/ 0 h 27940"/>
                  <a:gd name="connsiteX2" fmla="*/ 63209 w 56444"/>
                  <a:gd name="connsiteY2" fmla="*/ 24219 h 27940"/>
                  <a:gd name="connsiteX3" fmla="*/ 2097 w 56444"/>
                  <a:gd name="connsiteY3" fmla="*/ 29406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27940">
                    <a:moveTo>
                      <a:pt x="0" y="5187"/>
                    </a:moveTo>
                    <a:lnTo>
                      <a:pt x="61112" y="0"/>
                    </a:lnTo>
                    <a:lnTo>
                      <a:pt x="63209" y="24219"/>
                    </a:lnTo>
                    <a:lnTo>
                      <a:pt x="2097" y="2940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8" name="Vrije vorm 205">
                <a:extLst>
                  <a:ext uri="{FF2B5EF4-FFF2-40B4-BE49-F238E27FC236}">
                    <a16:creationId xmlns="" xmlns:a16="http://schemas.microsoft.com/office/drawing/2014/main" id="{E5893934-03B7-47F3-B078-E49207735FE3}"/>
                  </a:ext>
                </a:extLst>
              </p:cNvPr>
              <p:cNvSpPr/>
              <p:nvPr/>
            </p:nvSpPr>
            <p:spPr>
              <a:xfrm>
                <a:off x="4633091" y="3516609"/>
                <a:ext cx="56444" cy="37253"/>
              </a:xfrm>
              <a:custGeom>
                <a:avLst/>
                <a:gdLst>
                  <a:gd name="connsiteX0" fmla="*/ 0 w 56444"/>
                  <a:gd name="connsiteY0" fmla="*/ 5465 h 37253"/>
                  <a:gd name="connsiteX1" fmla="*/ 61336 w 56444"/>
                  <a:gd name="connsiteY1" fmla="*/ 0 h 37253"/>
                  <a:gd name="connsiteX2" fmla="*/ 64647 w 56444"/>
                  <a:gd name="connsiteY2" fmla="*/ 36415 h 37253"/>
                  <a:gd name="connsiteX3" fmla="*/ 3310 w 56444"/>
                  <a:gd name="connsiteY3" fmla="*/ 41880 h 372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37253">
                    <a:moveTo>
                      <a:pt x="0" y="5465"/>
                    </a:moveTo>
                    <a:lnTo>
                      <a:pt x="61336" y="0"/>
                    </a:lnTo>
                    <a:lnTo>
                      <a:pt x="64647" y="36415"/>
                    </a:lnTo>
                    <a:lnTo>
                      <a:pt x="3310" y="41880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216" name="Tekstvak 193">
              <a:extLst>
                <a:ext uri="{FF2B5EF4-FFF2-40B4-BE49-F238E27FC236}">
                  <a16:creationId xmlns="" xmlns:a16="http://schemas.microsoft.com/office/drawing/2014/main" id="{0B0D89A2-533A-40D4-8756-3E1E608819FB}"/>
                </a:ext>
              </a:extLst>
            </p:cNvPr>
            <p:cNvSpPr txBox="1"/>
            <p:nvPr/>
          </p:nvSpPr>
          <p:spPr>
            <a:xfrm>
              <a:off x="999010" y="6384662"/>
              <a:ext cx="803851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Список литературы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229" name="Groep 178">
            <a:extLst>
              <a:ext uri="{FF2B5EF4-FFF2-40B4-BE49-F238E27FC236}">
                <a16:creationId xmlns="" xmlns:a16="http://schemas.microsoft.com/office/drawing/2014/main" id="{E5A8AC61-E766-4DC8-AEA3-F3853110AF22}"/>
              </a:ext>
            </a:extLst>
          </p:cNvPr>
          <p:cNvGrpSpPr/>
          <p:nvPr userDrawn="1"/>
        </p:nvGrpSpPr>
        <p:grpSpPr>
          <a:xfrm>
            <a:off x="4792110" y="6455151"/>
            <a:ext cx="1299431" cy="205629"/>
            <a:chOff x="1983484" y="6455150"/>
            <a:chExt cx="974573" cy="205629"/>
          </a:xfrm>
        </p:grpSpPr>
        <p:sp>
          <p:nvSpPr>
            <p:cNvPr id="230" name="Graphic 27">
              <a:extLst>
                <a:ext uri="{FF2B5EF4-FFF2-40B4-BE49-F238E27FC236}">
                  <a16:creationId xmlns="" xmlns:a16="http://schemas.microsoft.com/office/drawing/2014/main" id="{11C0C0FB-9E7D-4CD5-9873-E6A33EFBCD56}"/>
                </a:ext>
              </a:extLst>
            </p:cNvPr>
            <p:cNvSpPr/>
            <p:nvPr/>
          </p:nvSpPr>
          <p:spPr>
            <a:xfrm>
              <a:off x="1983484" y="6455150"/>
              <a:ext cx="205629" cy="205629"/>
            </a:xfrm>
            <a:custGeom>
              <a:avLst/>
              <a:gdLst>
                <a:gd name="connsiteX0" fmla="*/ 140538 w 279400"/>
                <a:gd name="connsiteY0" fmla="*/ 109245 h 279400"/>
                <a:gd name="connsiteX1" fmla="*/ 194276 w 279400"/>
                <a:gd name="connsiteY1" fmla="*/ 0 h 279400"/>
                <a:gd name="connsiteX2" fmla="*/ 235255 w 279400"/>
                <a:gd name="connsiteY2" fmla="*/ 22445 h 279400"/>
                <a:gd name="connsiteX3" fmla="*/ 164567 w 279400"/>
                <a:gd name="connsiteY3" fmla="*/ 124426 h 279400"/>
                <a:gd name="connsiteX4" fmla="*/ 279400 w 279400"/>
                <a:gd name="connsiteY4" fmla="*/ 114833 h 279400"/>
                <a:gd name="connsiteX5" fmla="*/ 279400 w 279400"/>
                <a:gd name="connsiteY5" fmla="*/ 161400 h 279400"/>
                <a:gd name="connsiteX6" fmla="*/ 165405 w 279400"/>
                <a:gd name="connsiteY6" fmla="*/ 152552 h 279400"/>
                <a:gd name="connsiteX7" fmla="*/ 234417 w 279400"/>
                <a:gd name="connsiteY7" fmla="*/ 256117 h 279400"/>
                <a:gd name="connsiteX8" fmla="*/ 192693 w 279400"/>
                <a:gd name="connsiteY8" fmla="*/ 277817 h 279400"/>
                <a:gd name="connsiteX9" fmla="*/ 140538 w 279400"/>
                <a:gd name="connsiteY9" fmla="*/ 166988 h 279400"/>
                <a:gd name="connsiteX10" fmla="*/ 85869 w 279400"/>
                <a:gd name="connsiteY10" fmla="*/ 279400 h 279400"/>
                <a:gd name="connsiteX11" fmla="*/ 45728 w 279400"/>
                <a:gd name="connsiteY11" fmla="*/ 256117 h 279400"/>
                <a:gd name="connsiteX12" fmla="*/ 115578 w 279400"/>
                <a:gd name="connsiteY12" fmla="*/ 153391 h 279400"/>
                <a:gd name="connsiteX13" fmla="*/ 0 w 279400"/>
                <a:gd name="connsiteY13" fmla="*/ 161400 h 279400"/>
                <a:gd name="connsiteX14" fmla="*/ 0 w 279400"/>
                <a:gd name="connsiteY14" fmla="*/ 114833 h 279400"/>
                <a:gd name="connsiteX15" fmla="*/ 116417 w 279400"/>
                <a:gd name="connsiteY15" fmla="*/ 124426 h 279400"/>
                <a:gd name="connsiteX16" fmla="*/ 43400 w 279400"/>
                <a:gd name="connsiteY16" fmla="*/ 23283 h 279400"/>
                <a:gd name="connsiteX17" fmla="*/ 85869 w 279400"/>
                <a:gd name="connsiteY17" fmla="*/ 0 h 279400"/>
                <a:gd name="connsiteX18" fmla="*/ 140538 w 279400"/>
                <a:gd name="connsiteY18" fmla="*/ 109245 h 279400"/>
                <a:gd name="connsiteX19" fmla="*/ 140538 w 279400"/>
                <a:gd name="connsiteY19" fmla="*/ 109245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79400" h="279400">
                  <a:moveTo>
                    <a:pt x="140538" y="109245"/>
                  </a:moveTo>
                  <a:lnTo>
                    <a:pt x="194276" y="0"/>
                  </a:lnTo>
                  <a:lnTo>
                    <a:pt x="235255" y="22445"/>
                  </a:lnTo>
                  <a:lnTo>
                    <a:pt x="164567" y="124426"/>
                  </a:lnTo>
                  <a:lnTo>
                    <a:pt x="279400" y="114833"/>
                  </a:lnTo>
                  <a:lnTo>
                    <a:pt x="279400" y="161400"/>
                  </a:lnTo>
                  <a:lnTo>
                    <a:pt x="165405" y="152552"/>
                  </a:lnTo>
                  <a:lnTo>
                    <a:pt x="234417" y="256117"/>
                  </a:lnTo>
                  <a:lnTo>
                    <a:pt x="192693" y="277817"/>
                  </a:lnTo>
                  <a:lnTo>
                    <a:pt x="140538" y="166988"/>
                  </a:lnTo>
                  <a:lnTo>
                    <a:pt x="85869" y="279400"/>
                  </a:lnTo>
                  <a:lnTo>
                    <a:pt x="45728" y="256117"/>
                  </a:lnTo>
                  <a:lnTo>
                    <a:pt x="115578" y="153391"/>
                  </a:lnTo>
                  <a:lnTo>
                    <a:pt x="0" y="161400"/>
                  </a:lnTo>
                  <a:lnTo>
                    <a:pt x="0" y="114833"/>
                  </a:lnTo>
                  <a:lnTo>
                    <a:pt x="116417" y="124426"/>
                  </a:lnTo>
                  <a:lnTo>
                    <a:pt x="43400" y="23283"/>
                  </a:lnTo>
                  <a:lnTo>
                    <a:pt x="85869" y="0"/>
                  </a:lnTo>
                  <a:lnTo>
                    <a:pt x="140538" y="109245"/>
                  </a:lnTo>
                  <a:lnTo>
                    <a:pt x="140538" y="109245"/>
                  </a:lnTo>
                  <a:close/>
                </a:path>
              </a:pathLst>
            </a:custGeom>
            <a:solidFill>
              <a:schemeClr val="tx1"/>
            </a:solidFill>
            <a:ln w="920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31" name="Tekstvak 191">
              <a:extLst>
                <a:ext uri="{FF2B5EF4-FFF2-40B4-BE49-F238E27FC236}">
                  <a16:creationId xmlns="" xmlns:a16="http://schemas.microsoft.com/office/drawing/2014/main" id="{D81A61CA-83B9-4A08-8422-CE14C4E3951C}"/>
                </a:ext>
              </a:extLst>
            </p:cNvPr>
            <p:cNvSpPr txBox="1"/>
            <p:nvPr/>
          </p:nvSpPr>
          <p:spPr>
            <a:xfrm>
              <a:off x="2280564" y="6292003"/>
              <a:ext cx="678170" cy="526306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Подстрочные примечания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232" name="Groep 180">
            <a:extLst>
              <a:ext uri="{FF2B5EF4-FFF2-40B4-BE49-F238E27FC236}">
                <a16:creationId xmlns="" xmlns:a16="http://schemas.microsoft.com/office/drawing/2014/main" id="{264C280C-96CC-4B4E-A1E3-EE85ACDAB92B}"/>
              </a:ext>
            </a:extLst>
          </p:cNvPr>
          <p:cNvGrpSpPr/>
          <p:nvPr userDrawn="1"/>
        </p:nvGrpSpPr>
        <p:grpSpPr>
          <a:xfrm>
            <a:off x="9028069" y="6452492"/>
            <a:ext cx="1781955" cy="205629"/>
            <a:chOff x="4572000" y="6452491"/>
            <a:chExt cx="1336466" cy="205629"/>
          </a:xfrm>
        </p:grpSpPr>
        <p:grpSp>
          <p:nvGrpSpPr>
            <p:cNvPr id="233" name="Graphic 16">
              <a:extLst>
                <a:ext uri="{FF2B5EF4-FFF2-40B4-BE49-F238E27FC236}">
                  <a16:creationId xmlns="" xmlns:a16="http://schemas.microsoft.com/office/drawing/2014/main" id="{CF98E723-5E6E-40C1-920D-F3D30C70D205}"/>
                </a:ext>
              </a:extLst>
            </p:cNvPr>
            <p:cNvGrpSpPr/>
            <p:nvPr userDrawn="1"/>
          </p:nvGrpSpPr>
          <p:grpSpPr>
            <a:xfrm>
              <a:off x="4572000" y="6452491"/>
              <a:ext cx="413013" cy="205629"/>
              <a:chOff x="4292488" y="3289296"/>
              <a:chExt cx="561184" cy="279400"/>
            </a:xfrm>
            <a:solidFill>
              <a:schemeClr val="tx1"/>
            </a:solidFill>
          </p:grpSpPr>
          <p:sp>
            <p:nvSpPr>
              <p:cNvPr id="235" name="Vrije vorm 183">
                <a:extLst>
                  <a:ext uri="{FF2B5EF4-FFF2-40B4-BE49-F238E27FC236}">
                    <a16:creationId xmlns="" xmlns:a16="http://schemas.microsoft.com/office/drawing/2014/main" id="{931A658B-BA56-4834-9F41-A4ADCA1F416C}"/>
                  </a:ext>
                </a:extLst>
              </p:cNvPr>
              <p:cNvSpPr/>
              <p:nvPr userDrawn="1"/>
            </p:nvSpPr>
            <p:spPr>
              <a:xfrm>
                <a:off x="4378789" y="3496331"/>
                <a:ext cx="85241" cy="18627"/>
              </a:xfrm>
              <a:custGeom>
                <a:avLst/>
                <a:gdLst>
                  <a:gd name="connsiteX0" fmla="*/ 91490 w 85240"/>
                  <a:gd name="connsiteY0" fmla="*/ 9318 h 18626"/>
                  <a:gd name="connsiteX1" fmla="*/ 84580 w 85240"/>
                  <a:gd name="connsiteY1" fmla="*/ 92 h 18626"/>
                  <a:gd name="connsiteX2" fmla="*/ 83061 w 85240"/>
                  <a:gd name="connsiteY2" fmla="*/ 5 h 18626"/>
                  <a:gd name="connsiteX3" fmla="*/ 8523 w 85240"/>
                  <a:gd name="connsiteY3" fmla="*/ 5 h 18626"/>
                  <a:gd name="connsiteX4" fmla="*/ 5 w 85240"/>
                  <a:gd name="connsiteY4" fmla="*/ 7825 h 18626"/>
                  <a:gd name="connsiteX5" fmla="*/ 93 w 85240"/>
                  <a:gd name="connsiteY5" fmla="*/ 9318 h 18626"/>
                  <a:gd name="connsiteX6" fmla="*/ 4261 w 85240"/>
                  <a:gd name="connsiteY6" fmla="*/ 15651 h 18626"/>
                  <a:gd name="connsiteX7" fmla="*/ 15247 w 85240"/>
                  <a:gd name="connsiteY7" fmla="*/ 23009 h 18626"/>
                  <a:gd name="connsiteX8" fmla="*/ 35421 w 85240"/>
                  <a:gd name="connsiteY8" fmla="*/ 24965 h 18626"/>
                  <a:gd name="connsiteX9" fmla="*/ 78515 w 85240"/>
                  <a:gd name="connsiteY9" fmla="*/ 24965 h 18626"/>
                  <a:gd name="connsiteX10" fmla="*/ 90448 w 85240"/>
                  <a:gd name="connsiteY10" fmla="*/ 15651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85240" h="18626">
                    <a:moveTo>
                      <a:pt x="91490" y="9318"/>
                    </a:moveTo>
                    <a:cubicBezTo>
                      <a:pt x="92173" y="4894"/>
                      <a:pt x="89079" y="763"/>
                      <a:pt x="84580" y="92"/>
                    </a:cubicBezTo>
                    <a:cubicBezTo>
                      <a:pt x="84077" y="17"/>
                      <a:pt x="83569" y="-12"/>
                      <a:pt x="83061" y="5"/>
                    </a:cubicBezTo>
                    <a:lnTo>
                      <a:pt x="8523" y="5"/>
                    </a:lnTo>
                    <a:cubicBezTo>
                      <a:pt x="3974" y="-149"/>
                      <a:pt x="161" y="3352"/>
                      <a:pt x="5" y="7825"/>
                    </a:cubicBezTo>
                    <a:cubicBezTo>
                      <a:pt x="-13" y="8324"/>
                      <a:pt x="17" y="8824"/>
                      <a:pt x="93" y="9318"/>
                    </a:cubicBezTo>
                    <a:cubicBezTo>
                      <a:pt x="1029" y="11687"/>
                      <a:pt x="2447" y="13842"/>
                      <a:pt x="4261" y="15651"/>
                    </a:cubicBezTo>
                    <a:cubicBezTo>
                      <a:pt x="7003" y="19223"/>
                      <a:pt x="10863" y="21808"/>
                      <a:pt x="15247" y="23009"/>
                    </a:cubicBezTo>
                    <a:cubicBezTo>
                      <a:pt x="21904" y="24217"/>
                      <a:pt x="28652" y="24872"/>
                      <a:pt x="35421" y="24965"/>
                    </a:cubicBezTo>
                    <a:lnTo>
                      <a:pt x="78515" y="24965"/>
                    </a:lnTo>
                    <a:cubicBezTo>
                      <a:pt x="84179" y="24877"/>
                      <a:pt x="89076" y="21056"/>
                      <a:pt x="90448" y="15651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36" name="Vrije vorm 184">
                <a:extLst>
                  <a:ext uri="{FF2B5EF4-FFF2-40B4-BE49-F238E27FC236}">
                    <a16:creationId xmlns="" xmlns:a16="http://schemas.microsoft.com/office/drawing/2014/main" id="{D003988B-67D0-496E-B638-5C598525C192}"/>
                  </a:ext>
                </a:extLst>
              </p:cNvPr>
              <p:cNvSpPr/>
              <p:nvPr userDrawn="1"/>
            </p:nvSpPr>
            <p:spPr>
              <a:xfrm>
                <a:off x="4321394" y="3394350"/>
                <a:ext cx="142068" cy="18627"/>
              </a:xfrm>
              <a:custGeom>
                <a:avLst/>
                <a:gdLst>
                  <a:gd name="connsiteX0" fmla="*/ 148886 w 142067"/>
                  <a:gd name="connsiteY0" fmla="*/ 9318 h 18626"/>
                  <a:gd name="connsiteX1" fmla="*/ 141975 w 142067"/>
                  <a:gd name="connsiteY1" fmla="*/ 92 h 18626"/>
                  <a:gd name="connsiteX2" fmla="*/ 140456 w 142067"/>
                  <a:gd name="connsiteY2" fmla="*/ 5 h 18626"/>
                  <a:gd name="connsiteX3" fmla="*/ 8523 w 142067"/>
                  <a:gd name="connsiteY3" fmla="*/ 5 h 18626"/>
                  <a:gd name="connsiteX4" fmla="*/ 5 w 142067"/>
                  <a:gd name="connsiteY4" fmla="*/ 7825 h 18626"/>
                  <a:gd name="connsiteX5" fmla="*/ 93 w 142067"/>
                  <a:gd name="connsiteY5" fmla="*/ 9318 h 18626"/>
                  <a:gd name="connsiteX6" fmla="*/ 4261 w 142067"/>
                  <a:gd name="connsiteY6" fmla="*/ 15651 h 18626"/>
                  <a:gd name="connsiteX7" fmla="*/ 15247 w 142067"/>
                  <a:gd name="connsiteY7" fmla="*/ 23009 h 18626"/>
                  <a:gd name="connsiteX8" fmla="*/ 35326 w 142067"/>
                  <a:gd name="connsiteY8" fmla="*/ 25337 h 18626"/>
                  <a:gd name="connsiteX9" fmla="*/ 135910 w 142067"/>
                  <a:gd name="connsiteY9" fmla="*/ 25337 h 18626"/>
                  <a:gd name="connsiteX10" fmla="*/ 147844 w 142067"/>
                  <a:gd name="connsiteY10" fmla="*/ 15558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42067" h="18626">
                    <a:moveTo>
                      <a:pt x="148886" y="9318"/>
                    </a:moveTo>
                    <a:cubicBezTo>
                      <a:pt x="149568" y="4894"/>
                      <a:pt x="146474" y="763"/>
                      <a:pt x="141975" y="92"/>
                    </a:cubicBezTo>
                    <a:cubicBezTo>
                      <a:pt x="141473" y="17"/>
                      <a:pt x="140964" y="-12"/>
                      <a:pt x="140456" y="5"/>
                    </a:cubicBezTo>
                    <a:lnTo>
                      <a:pt x="8523" y="5"/>
                    </a:lnTo>
                    <a:cubicBezTo>
                      <a:pt x="3974" y="-149"/>
                      <a:pt x="161" y="3352"/>
                      <a:pt x="5" y="7825"/>
                    </a:cubicBezTo>
                    <a:cubicBezTo>
                      <a:pt x="-13" y="8324"/>
                      <a:pt x="17" y="8824"/>
                      <a:pt x="93" y="9318"/>
                    </a:cubicBezTo>
                    <a:cubicBezTo>
                      <a:pt x="1029" y="11687"/>
                      <a:pt x="2447" y="13842"/>
                      <a:pt x="4261" y="15651"/>
                    </a:cubicBezTo>
                    <a:cubicBezTo>
                      <a:pt x="7003" y="19223"/>
                      <a:pt x="10863" y="21808"/>
                      <a:pt x="15247" y="23009"/>
                    </a:cubicBezTo>
                    <a:cubicBezTo>
                      <a:pt x="21860" y="24347"/>
                      <a:pt x="28578" y="25126"/>
                      <a:pt x="35326" y="25337"/>
                    </a:cubicBezTo>
                    <a:lnTo>
                      <a:pt x="135910" y="25337"/>
                    </a:lnTo>
                    <a:cubicBezTo>
                      <a:pt x="141715" y="25198"/>
                      <a:pt x="146658" y="21147"/>
                      <a:pt x="147844" y="15558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37" name="Vrije vorm 185">
                <a:extLst>
                  <a:ext uri="{FF2B5EF4-FFF2-40B4-BE49-F238E27FC236}">
                    <a16:creationId xmlns="" xmlns:a16="http://schemas.microsoft.com/office/drawing/2014/main" id="{0AA81986-365D-4F81-A313-44827E8DB9DA}"/>
                  </a:ext>
                </a:extLst>
              </p:cNvPr>
              <p:cNvSpPr/>
              <p:nvPr userDrawn="1"/>
            </p:nvSpPr>
            <p:spPr>
              <a:xfrm>
                <a:off x="4350289" y="3444917"/>
                <a:ext cx="113654" cy="18627"/>
              </a:xfrm>
              <a:custGeom>
                <a:avLst/>
                <a:gdLst>
                  <a:gd name="connsiteX0" fmla="*/ 119991 w 113654"/>
                  <a:gd name="connsiteY0" fmla="*/ 9787 h 18626"/>
                  <a:gd name="connsiteX1" fmla="*/ 113644 w 113654"/>
                  <a:gd name="connsiteY1" fmla="*/ 177 h 18626"/>
                  <a:gd name="connsiteX2" fmla="*/ 111561 w 113654"/>
                  <a:gd name="connsiteY2" fmla="*/ 8 h 18626"/>
                  <a:gd name="connsiteX3" fmla="*/ 8609 w 113654"/>
                  <a:gd name="connsiteY3" fmla="*/ 8 h 18626"/>
                  <a:gd name="connsiteX4" fmla="*/ 8 w 113654"/>
                  <a:gd name="connsiteY4" fmla="*/ 7739 h 18626"/>
                  <a:gd name="connsiteX5" fmla="*/ 180 w 113654"/>
                  <a:gd name="connsiteY5" fmla="*/ 9787 h 18626"/>
                  <a:gd name="connsiteX6" fmla="*/ 4347 w 113654"/>
                  <a:gd name="connsiteY6" fmla="*/ 16120 h 18626"/>
                  <a:gd name="connsiteX7" fmla="*/ 15334 w 113654"/>
                  <a:gd name="connsiteY7" fmla="*/ 23478 h 18626"/>
                  <a:gd name="connsiteX8" fmla="*/ 35413 w 113654"/>
                  <a:gd name="connsiteY8" fmla="*/ 25434 h 18626"/>
                  <a:gd name="connsiteX9" fmla="*/ 107299 w 113654"/>
                  <a:gd name="connsiteY9" fmla="*/ 25434 h 18626"/>
                  <a:gd name="connsiteX10" fmla="*/ 119233 w 113654"/>
                  <a:gd name="connsiteY10" fmla="*/ 15655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13654" h="18626">
                    <a:moveTo>
                      <a:pt x="119991" y="9787"/>
                    </a:moveTo>
                    <a:cubicBezTo>
                      <a:pt x="120937" y="5410"/>
                      <a:pt x="118095" y="1108"/>
                      <a:pt x="113644" y="177"/>
                    </a:cubicBezTo>
                    <a:cubicBezTo>
                      <a:pt x="112960" y="34"/>
                      <a:pt x="112260" y="-23"/>
                      <a:pt x="111561" y="8"/>
                    </a:cubicBezTo>
                    <a:lnTo>
                      <a:pt x="8609" y="8"/>
                    </a:lnTo>
                    <a:cubicBezTo>
                      <a:pt x="4063" y="-192"/>
                      <a:pt x="212" y="3269"/>
                      <a:pt x="8" y="7739"/>
                    </a:cubicBezTo>
                    <a:cubicBezTo>
                      <a:pt x="-23" y="8426"/>
                      <a:pt x="35" y="9115"/>
                      <a:pt x="180" y="9787"/>
                    </a:cubicBezTo>
                    <a:cubicBezTo>
                      <a:pt x="1115" y="12156"/>
                      <a:pt x="2534" y="14311"/>
                      <a:pt x="4347" y="16120"/>
                    </a:cubicBezTo>
                    <a:cubicBezTo>
                      <a:pt x="7127" y="19652"/>
                      <a:pt x="10973" y="22228"/>
                      <a:pt x="15334" y="23478"/>
                    </a:cubicBezTo>
                    <a:cubicBezTo>
                      <a:pt x="21965" y="24641"/>
                      <a:pt x="28678" y="25295"/>
                      <a:pt x="35413" y="25434"/>
                    </a:cubicBezTo>
                    <a:lnTo>
                      <a:pt x="107299" y="25434"/>
                    </a:lnTo>
                    <a:cubicBezTo>
                      <a:pt x="113104" y="25295"/>
                      <a:pt x="118047" y="21244"/>
                      <a:pt x="119233" y="15655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38" name="Vrije vorm 186">
                <a:extLst>
                  <a:ext uri="{FF2B5EF4-FFF2-40B4-BE49-F238E27FC236}">
                    <a16:creationId xmlns="" xmlns:a16="http://schemas.microsoft.com/office/drawing/2014/main" id="{300256C5-F995-40EF-B489-12FBD76B3D8F}"/>
                  </a:ext>
                </a:extLst>
              </p:cNvPr>
              <p:cNvSpPr/>
              <p:nvPr userDrawn="1"/>
            </p:nvSpPr>
            <p:spPr>
              <a:xfrm>
                <a:off x="4292488" y="3343296"/>
                <a:ext cx="170481" cy="18627"/>
              </a:xfrm>
              <a:custGeom>
                <a:avLst/>
                <a:gdLst>
                  <a:gd name="connsiteX0" fmla="*/ 177792 w 170481"/>
                  <a:gd name="connsiteY0" fmla="*/ 9334 h 18626"/>
                  <a:gd name="connsiteX1" fmla="*/ 170881 w 170481"/>
                  <a:gd name="connsiteY1" fmla="*/ 108 h 18626"/>
                  <a:gd name="connsiteX2" fmla="*/ 169362 w 170481"/>
                  <a:gd name="connsiteY2" fmla="*/ 21 h 18626"/>
                  <a:gd name="connsiteX3" fmla="*/ 8731 w 170481"/>
                  <a:gd name="connsiteY3" fmla="*/ 21 h 18626"/>
                  <a:gd name="connsiteX4" fmla="*/ 21 w 170481"/>
                  <a:gd name="connsiteY4" fmla="*/ 7434 h 18626"/>
                  <a:gd name="connsiteX5" fmla="*/ 112 w 170481"/>
                  <a:gd name="connsiteY5" fmla="*/ 9334 h 18626"/>
                  <a:gd name="connsiteX6" fmla="*/ 4185 w 170481"/>
                  <a:gd name="connsiteY6" fmla="*/ 15667 h 18626"/>
                  <a:gd name="connsiteX7" fmla="*/ 15171 w 170481"/>
                  <a:gd name="connsiteY7" fmla="*/ 23025 h 18626"/>
                  <a:gd name="connsiteX8" fmla="*/ 35345 w 170481"/>
                  <a:gd name="connsiteY8" fmla="*/ 24981 h 18626"/>
                  <a:gd name="connsiteX9" fmla="*/ 164816 w 170481"/>
                  <a:gd name="connsiteY9" fmla="*/ 24981 h 18626"/>
                  <a:gd name="connsiteX10" fmla="*/ 176750 w 170481"/>
                  <a:gd name="connsiteY10" fmla="*/ 15667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70481" h="18626">
                    <a:moveTo>
                      <a:pt x="177792" y="9334"/>
                    </a:moveTo>
                    <a:cubicBezTo>
                      <a:pt x="178474" y="4910"/>
                      <a:pt x="175380" y="779"/>
                      <a:pt x="170881" y="108"/>
                    </a:cubicBezTo>
                    <a:cubicBezTo>
                      <a:pt x="170379" y="33"/>
                      <a:pt x="169870" y="4"/>
                      <a:pt x="169362" y="21"/>
                    </a:cubicBezTo>
                    <a:lnTo>
                      <a:pt x="8731" y="21"/>
                    </a:lnTo>
                    <a:cubicBezTo>
                      <a:pt x="4244" y="-297"/>
                      <a:pt x="345" y="3022"/>
                      <a:pt x="21" y="7434"/>
                    </a:cubicBezTo>
                    <a:cubicBezTo>
                      <a:pt x="-25" y="8069"/>
                      <a:pt x="5" y="8707"/>
                      <a:pt x="112" y="9334"/>
                    </a:cubicBezTo>
                    <a:cubicBezTo>
                      <a:pt x="1019" y="11695"/>
                      <a:pt x="2405" y="13850"/>
                      <a:pt x="4185" y="15667"/>
                    </a:cubicBezTo>
                    <a:cubicBezTo>
                      <a:pt x="6946" y="19219"/>
                      <a:pt x="10799" y="21799"/>
                      <a:pt x="15171" y="23025"/>
                    </a:cubicBezTo>
                    <a:cubicBezTo>
                      <a:pt x="21828" y="24234"/>
                      <a:pt x="28576" y="24888"/>
                      <a:pt x="35345" y="24981"/>
                    </a:cubicBezTo>
                    <a:lnTo>
                      <a:pt x="164816" y="24981"/>
                    </a:lnTo>
                    <a:cubicBezTo>
                      <a:pt x="170480" y="24894"/>
                      <a:pt x="175377" y="21072"/>
                      <a:pt x="176750" y="15667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39" name="Vrije vorm 187">
                <a:extLst>
                  <a:ext uri="{FF2B5EF4-FFF2-40B4-BE49-F238E27FC236}">
                    <a16:creationId xmlns="" xmlns:a16="http://schemas.microsoft.com/office/drawing/2014/main" id="{6732E599-EA75-4E0C-842C-A76BD8096871}"/>
                  </a:ext>
                </a:extLst>
              </p:cNvPr>
              <p:cNvSpPr/>
              <p:nvPr userDrawn="1"/>
            </p:nvSpPr>
            <p:spPr>
              <a:xfrm>
                <a:off x="4503238" y="3289296"/>
                <a:ext cx="350434" cy="279400"/>
              </a:xfrm>
              <a:custGeom>
                <a:avLst/>
                <a:gdLst>
                  <a:gd name="connsiteX0" fmla="*/ 342006 w 350433"/>
                  <a:gd name="connsiteY0" fmla="*/ 9317 h 279400"/>
                  <a:gd name="connsiteX1" fmla="*/ 319748 w 350433"/>
                  <a:gd name="connsiteY1" fmla="*/ 4 h 279400"/>
                  <a:gd name="connsiteX2" fmla="*/ 31540 w 350433"/>
                  <a:gd name="connsiteY2" fmla="*/ 4 h 279400"/>
                  <a:gd name="connsiteX3" fmla="*/ 9472 w 350433"/>
                  <a:gd name="connsiteY3" fmla="*/ 9317 h 279400"/>
                  <a:gd name="connsiteX4" fmla="*/ 1 w 350433"/>
                  <a:gd name="connsiteY4" fmla="*/ 31762 h 279400"/>
                  <a:gd name="connsiteX5" fmla="*/ 1 w 350433"/>
                  <a:gd name="connsiteY5" fmla="*/ 247646 h 279400"/>
                  <a:gd name="connsiteX6" fmla="*/ 9472 w 350433"/>
                  <a:gd name="connsiteY6" fmla="*/ 270091 h 279400"/>
                  <a:gd name="connsiteX7" fmla="*/ 31540 w 350433"/>
                  <a:gd name="connsiteY7" fmla="*/ 279404 h 279400"/>
                  <a:gd name="connsiteX8" fmla="*/ 319748 w 350433"/>
                  <a:gd name="connsiteY8" fmla="*/ 279404 h 279400"/>
                  <a:gd name="connsiteX9" fmla="*/ 341911 w 350433"/>
                  <a:gd name="connsiteY9" fmla="*/ 270091 h 279400"/>
                  <a:gd name="connsiteX10" fmla="*/ 351382 w 350433"/>
                  <a:gd name="connsiteY10" fmla="*/ 247646 h 279400"/>
                  <a:gd name="connsiteX11" fmla="*/ 351382 w 350433"/>
                  <a:gd name="connsiteY11" fmla="*/ 31762 h 279400"/>
                  <a:gd name="connsiteX12" fmla="*/ 341911 w 350433"/>
                  <a:gd name="connsiteY12" fmla="*/ 9317 h 279400"/>
                  <a:gd name="connsiteX13" fmla="*/ 317002 w 350433"/>
                  <a:gd name="connsiteY13" fmla="*/ 65197 h 279400"/>
                  <a:gd name="connsiteX14" fmla="*/ 297302 w 350433"/>
                  <a:gd name="connsiteY14" fmla="*/ 88108 h 279400"/>
                  <a:gd name="connsiteX15" fmla="*/ 218785 w 350433"/>
                  <a:gd name="connsiteY15" fmla="*/ 150973 h 279400"/>
                  <a:gd name="connsiteX16" fmla="*/ 211966 w 350433"/>
                  <a:gd name="connsiteY16" fmla="*/ 156841 h 279400"/>
                  <a:gd name="connsiteX17" fmla="*/ 202969 w 350433"/>
                  <a:gd name="connsiteY17" fmla="*/ 164291 h 279400"/>
                  <a:gd name="connsiteX18" fmla="*/ 194255 w 350433"/>
                  <a:gd name="connsiteY18" fmla="*/ 170531 h 279400"/>
                  <a:gd name="connsiteX19" fmla="*/ 184784 w 350433"/>
                  <a:gd name="connsiteY19" fmla="*/ 176026 h 279400"/>
                  <a:gd name="connsiteX20" fmla="*/ 176355 w 350433"/>
                  <a:gd name="connsiteY20" fmla="*/ 177796 h 279400"/>
                  <a:gd name="connsiteX21" fmla="*/ 176355 w 350433"/>
                  <a:gd name="connsiteY21" fmla="*/ 177796 h 279400"/>
                  <a:gd name="connsiteX22" fmla="*/ 167925 w 350433"/>
                  <a:gd name="connsiteY22" fmla="*/ 176026 h 279400"/>
                  <a:gd name="connsiteX23" fmla="*/ 158454 w 350433"/>
                  <a:gd name="connsiteY23" fmla="*/ 170531 h 279400"/>
                  <a:gd name="connsiteX24" fmla="*/ 149740 w 350433"/>
                  <a:gd name="connsiteY24" fmla="*/ 164291 h 279400"/>
                  <a:gd name="connsiteX25" fmla="*/ 140269 w 350433"/>
                  <a:gd name="connsiteY25" fmla="*/ 156841 h 279400"/>
                  <a:gd name="connsiteX26" fmla="*/ 133355 w 350433"/>
                  <a:gd name="connsiteY26" fmla="*/ 150973 h 279400"/>
                  <a:gd name="connsiteX27" fmla="*/ 54555 w 350433"/>
                  <a:gd name="connsiteY27" fmla="*/ 88108 h 279400"/>
                  <a:gd name="connsiteX28" fmla="*/ 26141 w 350433"/>
                  <a:gd name="connsiteY28" fmla="*/ 31762 h 279400"/>
                  <a:gd name="connsiteX29" fmla="*/ 28036 w 350433"/>
                  <a:gd name="connsiteY29" fmla="*/ 27292 h 279400"/>
                  <a:gd name="connsiteX30" fmla="*/ 32392 w 350433"/>
                  <a:gd name="connsiteY30" fmla="*/ 25429 h 279400"/>
                  <a:gd name="connsiteX31" fmla="*/ 319748 w 350433"/>
                  <a:gd name="connsiteY31" fmla="*/ 25429 h 279400"/>
                  <a:gd name="connsiteX32" fmla="*/ 322495 w 350433"/>
                  <a:gd name="connsiteY32" fmla="*/ 25429 h 279400"/>
                  <a:gd name="connsiteX33" fmla="*/ 324294 w 350433"/>
                  <a:gd name="connsiteY33" fmla="*/ 26920 h 279400"/>
                  <a:gd name="connsiteX34" fmla="*/ 325336 w 350433"/>
                  <a:gd name="connsiteY34" fmla="*/ 28689 h 279400"/>
                  <a:gd name="connsiteX35" fmla="*/ 325905 w 350433"/>
                  <a:gd name="connsiteY35" fmla="*/ 31204 h 279400"/>
                  <a:gd name="connsiteX36" fmla="*/ 325905 w 350433"/>
                  <a:gd name="connsiteY36" fmla="*/ 33718 h 279400"/>
                  <a:gd name="connsiteX37" fmla="*/ 325905 w 350433"/>
                  <a:gd name="connsiteY37" fmla="*/ 39120 h 279400"/>
                  <a:gd name="connsiteX38" fmla="*/ 316433 w 350433"/>
                  <a:gd name="connsiteY38" fmla="*/ 65197 h 279400"/>
                  <a:gd name="connsiteX39" fmla="*/ 323726 w 350433"/>
                  <a:gd name="connsiteY39" fmla="*/ 252116 h 279400"/>
                  <a:gd name="connsiteX40" fmla="*/ 319275 w 350433"/>
                  <a:gd name="connsiteY40" fmla="*/ 253979 h 279400"/>
                  <a:gd name="connsiteX41" fmla="*/ 31540 w 350433"/>
                  <a:gd name="connsiteY41" fmla="*/ 253979 h 279400"/>
                  <a:gd name="connsiteX42" fmla="*/ 27183 w 350433"/>
                  <a:gd name="connsiteY42" fmla="*/ 252116 h 279400"/>
                  <a:gd name="connsiteX43" fmla="*/ 25289 w 350433"/>
                  <a:gd name="connsiteY43" fmla="*/ 247646 h 279400"/>
                  <a:gd name="connsiteX44" fmla="*/ 25289 w 350433"/>
                  <a:gd name="connsiteY44" fmla="*/ 95279 h 279400"/>
                  <a:gd name="connsiteX45" fmla="*/ 38833 w 350433"/>
                  <a:gd name="connsiteY45" fmla="*/ 108318 h 279400"/>
                  <a:gd name="connsiteX46" fmla="*/ 122274 w 350433"/>
                  <a:gd name="connsiteY46" fmla="*/ 175374 h 279400"/>
                  <a:gd name="connsiteX47" fmla="*/ 138470 w 350433"/>
                  <a:gd name="connsiteY47" fmla="*/ 188692 h 279400"/>
                  <a:gd name="connsiteX48" fmla="*/ 155423 w 350433"/>
                  <a:gd name="connsiteY48" fmla="*/ 198005 h 279400"/>
                  <a:gd name="connsiteX49" fmla="*/ 175502 w 350433"/>
                  <a:gd name="connsiteY49" fmla="*/ 202848 h 279400"/>
                  <a:gd name="connsiteX50" fmla="*/ 175502 w 350433"/>
                  <a:gd name="connsiteY50" fmla="*/ 202848 h 279400"/>
                  <a:gd name="connsiteX51" fmla="*/ 195581 w 350433"/>
                  <a:gd name="connsiteY51" fmla="*/ 198005 h 279400"/>
                  <a:gd name="connsiteX52" fmla="*/ 212534 w 350433"/>
                  <a:gd name="connsiteY52" fmla="*/ 188692 h 279400"/>
                  <a:gd name="connsiteX53" fmla="*/ 228825 w 350433"/>
                  <a:gd name="connsiteY53" fmla="*/ 175374 h 279400"/>
                  <a:gd name="connsiteX54" fmla="*/ 312266 w 350433"/>
                  <a:gd name="connsiteY54" fmla="*/ 108318 h 279400"/>
                  <a:gd name="connsiteX55" fmla="*/ 325715 w 350433"/>
                  <a:gd name="connsiteY55" fmla="*/ 95279 h 279400"/>
                  <a:gd name="connsiteX56" fmla="*/ 325715 w 350433"/>
                  <a:gd name="connsiteY56" fmla="*/ 247646 h 279400"/>
                  <a:gd name="connsiteX57" fmla="*/ 323916 w 350433"/>
                  <a:gd name="connsiteY57" fmla="*/ 252116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</a:cxnLst>
                <a:rect l="l" t="t" r="r" b="b"/>
                <a:pathLst>
                  <a:path w="350433" h="279400">
                    <a:moveTo>
                      <a:pt x="342006" y="9317"/>
                    </a:moveTo>
                    <a:cubicBezTo>
                      <a:pt x="336263" y="3252"/>
                      <a:pt x="328174" y="-133"/>
                      <a:pt x="319748" y="4"/>
                    </a:cubicBezTo>
                    <a:lnTo>
                      <a:pt x="31540" y="4"/>
                    </a:lnTo>
                    <a:cubicBezTo>
                      <a:pt x="23170" y="-127"/>
                      <a:pt x="15142" y="3261"/>
                      <a:pt x="9472" y="9317"/>
                    </a:cubicBezTo>
                    <a:cubicBezTo>
                      <a:pt x="3351" y="15227"/>
                      <a:pt x="-67" y="23327"/>
                      <a:pt x="1" y="31762"/>
                    </a:cubicBezTo>
                    <a:lnTo>
                      <a:pt x="1" y="247646"/>
                    </a:lnTo>
                    <a:cubicBezTo>
                      <a:pt x="-67" y="256081"/>
                      <a:pt x="3351" y="264181"/>
                      <a:pt x="9472" y="270091"/>
                    </a:cubicBezTo>
                    <a:cubicBezTo>
                      <a:pt x="15142" y="276147"/>
                      <a:pt x="23170" y="279535"/>
                      <a:pt x="31540" y="279404"/>
                    </a:cubicBezTo>
                    <a:lnTo>
                      <a:pt x="319748" y="279404"/>
                    </a:lnTo>
                    <a:cubicBezTo>
                      <a:pt x="328141" y="279514"/>
                      <a:pt x="336191" y="276132"/>
                      <a:pt x="341911" y="270091"/>
                    </a:cubicBezTo>
                    <a:cubicBezTo>
                      <a:pt x="348041" y="264187"/>
                      <a:pt x="351461" y="256083"/>
                      <a:pt x="351382" y="247646"/>
                    </a:cubicBezTo>
                    <a:lnTo>
                      <a:pt x="351382" y="31762"/>
                    </a:lnTo>
                    <a:cubicBezTo>
                      <a:pt x="351461" y="23325"/>
                      <a:pt x="348041" y="15221"/>
                      <a:pt x="341911" y="9317"/>
                    </a:cubicBezTo>
                    <a:moveTo>
                      <a:pt x="317002" y="65197"/>
                    </a:moveTo>
                    <a:cubicBezTo>
                      <a:pt x="311769" y="73854"/>
                      <a:pt x="305112" y="81596"/>
                      <a:pt x="297302" y="88108"/>
                    </a:cubicBezTo>
                    <a:lnTo>
                      <a:pt x="218785" y="150973"/>
                    </a:lnTo>
                    <a:lnTo>
                      <a:pt x="211966" y="156841"/>
                    </a:lnTo>
                    <a:cubicBezTo>
                      <a:pt x="208178" y="160100"/>
                      <a:pt x="205147" y="162615"/>
                      <a:pt x="202969" y="164291"/>
                    </a:cubicBezTo>
                    <a:cubicBezTo>
                      <a:pt x="200790" y="165968"/>
                      <a:pt x="197854" y="168110"/>
                      <a:pt x="194255" y="170531"/>
                    </a:cubicBezTo>
                    <a:cubicBezTo>
                      <a:pt x="191316" y="172704"/>
                      <a:pt x="188139" y="174547"/>
                      <a:pt x="184784" y="176026"/>
                    </a:cubicBezTo>
                    <a:cubicBezTo>
                      <a:pt x="182122" y="177162"/>
                      <a:pt x="179256" y="177764"/>
                      <a:pt x="176355" y="177796"/>
                    </a:cubicBezTo>
                    <a:lnTo>
                      <a:pt x="176355" y="177796"/>
                    </a:lnTo>
                    <a:cubicBezTo>
                      <a:pt x="173455" y="177744"/>
                      <a:pt x="170593" y="177144"/>
                      <a:pt x="167925" y="176026"/>
                    </a:cubicBezTo>
                    <a:cubicBezTo>
                      <a:pt x="164578" y="174532"/>
                      <a:pt x="161403" y="172690"/>
                      <a:pt x="158454" y="170531"/>
                    </a:cubicBezTo>
                    <a:cubicBezTo>
                      <a:pt x="154855" y="168110"/>
                      <a:pt x="151919" y="166061"/>
                      <a:pt x="149740" y="164291"/>
                    </a:cubicBezTo>
                    <a:cubicBezTo>
                      <a:pt x="147562" y="162522"/>
                      <a:pt x="144531" y="160100"/>
                      <a:pt x="140269" y="156841"/>
                    </a:cubicBezTo>
                    <a:lnTo>
                      <a:pt x="133355" y="150973"/>
                    </a:lnTo>
                    <a:cubicBezTo>
                      <a:pt x="106078" y="129180"/>
                      <a:pt x="79812" y="108225"/>
                      <a:pt x="54555" y="88108"/>
                    </a:cubicBezTo>
                    <a:cubicBezTo>
                      <a:pt x="36570" y="74789"/>
                      <a:pt x="26037" y="53902"/>
                      <a:pt x="26141" y="31762"/>
                    </a:cubicBezTo>
                    <a:cubicBezTo>
                      <a:pt x="26135" y="30082"/>
                      <a:pt x="26818" y="28471"/>
                      <a:pt x="28036" y="27292"/>
                    </a:cubicBezTo>
                    <a:cubicBezTo>
                      <a:pt x="29134" y="26065"/>
                      <a:pt x="30731" y="25382"/>
                      <a:pt x="32392" y="25429"/>
                    </a:cubicBezTo>
                    <a:lnTo>
                      <a:pt x="319748" y="25429"/>
                    </a:lnTo>
                    <a:cubicBezTo>
                      <a:pt x="320652" y="25226"/>
                      <a:pt x="321591" y="25226"/>
                      <a:pt x="322495" y="25429"/>
                    </a:cubicBezTo>
                    <a:cubicBezTo>
                      <a:pt x="323248" y="25714"/>
                      <a:pt x="323881" y="26239"/>
                      <a:pt x="324294" y="26920"/>
                    </a:cubicBezTo>
                    <a:lnTo>
                      <a:pt x="325336" y="28689"/>
                    </a:lnTo>
                    <a:cubicBezTo>
                      <a:pt x="325767" y="29456"/>
                      <a:pt x="325965" y="30329"/>
                      <a:pt x="325905" y="31204"/>
                    </a:cubicBezTo>
                    <a:cubicBezTo>
                      <a:pt x="325905" y="32321"/>
                      <a:pt x="325905" y="33159"/>
                      <a:pt x="325905" y="33718"/>
                    </a:cubicBezTo>
                    <a:lnTo>
                      <a:pt x="325905" y="39120"/>
                    </a:lnTo>
                    <a:cubicBezTo>
                      <a:pt x="325266" y="48508"/>
                      <a:pt x="321987" y="57536"/>
                      <a:pt x="316433" y="65197"/>
                    </a:cubicBezTo>
                    <a:moveTo>
                      <a:pt x="323726" y="252116"/>
                    </a:moveTo>
                    <a:cubicBezTo>
                      <a:pt x="322563" y="253308"/>
                      <a:pt x="320955" y="253981"/>
                      <a:pt x="319275" y="253979"/>
                    </a:cubicBezTo>
                    <a:lnTo>
                      <a:pt x="31540" y="253979"/>
                    </a:lnTo>
                    <a:cubicBezTo>
                      <a:pt x="29888" y="253977"/>
                      <a:pt x="28311" y="253303"/>
                      <a:pt x="27183" y="252116"/>
                    </a:cubicBezTo>
                    <a:cubicBezTo>
                      <a:pt x="25983" y="250926"/>
                      <a:pt x="25303" y="249322"/>
                      <a:pt x="25289" y="247646"/>
                    </a:cubicBezTo>
                    <a:lnTo>
                      <a:pt x="25289" y="95279"/>
                    </a:lnTo>
                    <a:cubicBezTo>
                      <a:pt x="29420" y="99995"/>
                      <a:pt x="33951" y="104356"/>
                      <a:pt x="38833" y="108318"/>
                    </a:cubicBezTo>
                    <a:cubicBezTo>
                      <a:pt x="73813" y="135575"/>
                      <a:pt x="101627" y="157927"/>
                      <a:pt x="122274" y="175374"/>
                    </a:cubicBezTo>
                    <a:cubicBezTo>
                      <a:pt x="128904" y="181148"/>
                      <a:pt x="134302" y="185526"/>
                      <a:pt x="138470" y="188692"/>
                    </a:cubicBezTo>
                    <a:cubicBezTo>
                      <a:pt x="143769" y="192380"/>
                      <a:pt x="149452" y="195502"/>
                      <a:pt x="155423" y="198005"/>
                    </a:cubicBezTo>
                    <a:cubicBezTo>
                      <a:pt x="161690" y="201004"/>
                      <a:pt x="168535" y="202655"/>
                      <a:pt x="175502" y="202848"/>
                    </a:cubicBezTo>
                    <a:lnTo>
                      <a:pt x="175502" y="202848"/>
                    </a:lnTo>
                    <a:cubicBezTo>
                      <a:pt x="182470" y="202663"/>
                      <a:pt x="189317" y="201012"/>
                      <a:pt x="195581" y="198005"/>
                    </a:cubicBezTo>
                    <a:cubicBezTo>
                      <a:pt x="201552" y="195502"/>
                      <a:pt x="207236" y="192380"/>
                      <a:pt x="212534" y="188692"/>
                    </a:cubicBezTo>
                    <a:cubicBezTo>
                      <a:pt x="216702" y="185526"/>
                      <a:pt x="222006" y="181148"/>
                      <a:pt x="228825" y="175374"/>
                    </a:cubicBezTo>
                    <a:cubicBezTo>
                      <a:pt x="249472" y="157989"/>
                      <a:pt x="277286" y="135637"/>
                      <a:pt x="312266" y="108318"/>
                    </a:cubicBezTo>
                    <a:cubicBezTo>
                      <a:pt x="317117" y="104355"/>
                      <a:pt x="321617" y="99993"/>
                      <a:pt x="325715" y="95279"/>
                    </a:cubicBezTo>
                    <a:lnTo>
                      <a:pt x="325715" y="247646"/>
                    </a:lnTo>
                    <a:cubicBezTo>
                      <a:pt x="325736" y="249310"/>
                      <a:pt x="325090" y="250916"/>
                      <a:pt x="323916" y="252116"/>
                    </a:cubicBezTo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234" name="Tekstvak 182">
              <a:extLst>
                <a:ext uri="{FF2B5EF4-FFF2-40B4-BE49-F238E27FC236}">
                  <a16:creationId xmlns="" xmlns:a16="http://schemas.microsoft.com/office/drawing/2014/main" id="{3FB8CF73-2354-414D-9C20-A2F4818C4408}"/>
                </a:ext>
              </a:extLst>
            </p:cNvPr>
            <p:cNvSpPr txBox="1"/>
            <p:nvPr userDrawn="1"/>
          </p:nvSpPr>
          <p:spPr>
            <a:xfrm>
              <a:off x="5084416" y="6205837"/>
              <a:ext cx="824874" cy="70174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Отправить письмо по электронной почте</a:t>
              </a:r>
            </a:p>
          </p:txBody>
        </p:sp>
      </p:grpSp>
      <p:grpSp>
        <p:nvGrpSpPr>
          <p:cNvPr id="240" name="Group 239">
            <a:extLst>
              <a:ext uri="{FF2B5EF4-FFF2-40B4-BE49-F238E27FC236}">
                <a16:creationId xmlns="" xmlns:a16="http://schemas.microsoft.com/office/drawing/2014/main" id="{4B5F1E15-607C-4FCB-B321-0115A91E5BBE}"/>
              </a:ext>
            </a:extLst>
          </p:cNvPr>
          <p:cNvGrpSpPr/>
          <p:nvPr userDrawn="1"/>
        </p:nvGrpSpPr>
        <p:grpSpPr>
          <a:xfrm>
            <a:off x="7399317" y="6440973"/>
            <a:ext cx="1538929" cy="205629"/>
            <a:chOff x="4439927" y="6440972"/>
            <a:chExt cx="1154197" cy="205629"/>
          </a:xfrm>
        </p:grpSpPr>
        <p:sp>
          <p:nvSpPr>
            <p:cNvPr id="241" name="Graphic 71">
              <a:extLst>
                <a:ext uri="{FF2B5EF4-FFF2-40B4-BE49-F238E27FC236}">
                  <a16:creationId xmlns="" xmlns:a16="http://schemas.microsoft.com/office/drawing/2014/main" id="{576ED9A8-9C4C-43E2-9D80-F530D1C2EDD4}"/>
                </a:ext>
              </a:extLst>
            </p:cNvPr>
            <p:cNvSpPr/>
            <p:nvPr userDrawn="1"/>
          </p:nvSpPr>
          <p:spPr>
            <a:xfrm>
              <a:off x="4439927" y="6440972"/>
              <a:ext cx="168242" cy="205629"/>
            </a:xfrm>
            <a:custGeom>
              <a:avLst/>
              <a:gdLst>
                <a:gd name="connsiteX0" fmla="*/ 230429 w 228600"/>
                <a:gd name="connsiteY0" fmla="*/ 268131 h 279400"/>
                <a:gd name="connsiteX1" fmla="*/ 230429 w 228600"/>
                <a:gd name="connsiteY1" fmla="*/ 190086 h 279400"/>
                <a:gd name="connsiteX2" fmla="*/ 219456 w 228600"/>
                <a:gd name="connsiteY2" fmla="*/ 178816 h 279400"/>
                <a:gd name="connsiteX3" fmla="*/ 186538 w 228600"/>
                <a:gd name="connsiteY3" fmla="*/ 178816 h 279400"/>
                <a:gd name="connsiteX4" fmla="*/ 186538 w 228600"/>
                <a:gd name="connsiteY4" fmla="*/ 134112 h 279400"/>
                <a:gd name="connsiteX5" fmla="*/ 120701 w 228600"/>
                <a:gd name="connsiteY5" fmla="*/ 134112 h 279400"/>
                <a:gd name="connsiteX6" fmla="*/ 120701 w 228600"/>
                <a:gd name="connsiteY6" fmla="*/ 100584 h 279400"/>
                <a:gd name="connsiteX7" fmla="*/ 153436 w 228600"/>
                <a:gd name="connsiteY7" fmla="*/ 100584 h 279400"/>
                <a:gd name="connsiteX8" fmla="*/ 164592 w 228600"/>
                <a:gd name="connsiteY8" fmla="*/ 89409 h 279400"/>
                <a:gd name="connsiteX9" fmla="*/ 164592 w 228600"/>
                <a:gd name="connsiteY9" fmla="*/ 89315 h 279400"/>
                <a:gd name="connsiteX10" fmla="*/ 164592 w 228600"/>
                <a:gd name="connsiteY10" fmla="*/ 11270 h 279400"/>
                <a:gd name="connsiteX11" fmla="*/ 153528 w 228600"/>
                <a:gd name="connsiteY11" fmla="*/ 0 h 279400"/>
                <a:gd name="connsiteX12" fmla="*/ 153436 w 228600"/>
                <a:gd name="connsiteY12" fmla="*/ 0 h 279400"/>
                <a:gd name="connsiteX13" fmla="*/ 76992 w 228600"/>
                <a:gd name="connsiteY13" fmla="*/ 0 h 279400"/>
                <a:gd name="connsiteX14" fmla="*/ 65837 w 228600"/>
                <a:gd name="connsiteY14" fmla="*/ 11176 h 279400"/>
                <a:gd name="connsiteX15" fmla="*/ 65837 w 228600"/>
                <a:gd name="connsiteY15" fmla="*/ 11270 h 279400"/>
                <a:gd name="connsiteX16" fmla="*/ 65837 w 228600"/>
                <a:gd name="connsiteY16" fmla="*/ 89315 h 279400"/>
                <a:gd name="connsiteX17" fmla="*/ 76901 w 228600"/>
                <a:gd name="connsiteY17" fmla="*/ 100585 h 279400"/>
                <a:gd name="connsiteX18" fmla="*/ 76992 w 228600"/>
                <a:gd name="connsiteY18" fmla="*/ 100584 h 279400"/>
                <a:gd name="connsiteX19" fmla="*/ 109728 w 228600"/>
                <a:gd name="connsiteY19" fmla="*/ 100584 h 279400"/>
                <a:gd name="connsiteX20" fmla="*/ 109728 w 228600"/>
                <a:gd name="connsiteY20" fmla="*/ 134112 h 279400"/>
                <a:gd name="connsiteX21" fmla="*/ 43891 w 228600"/>
                <a:gd name="connsiteY21" fmla="*/ 134112 h 279400"/>
                <a:gd name="connsiteX22" fmla="*/ 43891 w 228600"/>
                <a:gd name="connsiteY22" fmla="*/ 178816 h 279400"/>
                <a:gd name="connsiteX23" fmla="*/ 11156 w 228600"/>
                <a:gd name="connsiteY23" fmla="*/ 178816 h 279400"/>
                <a:gd name="connsiteX24" fmla="*/ 0 w 228600"/>
                <a:gd name="connsiteY24" fmla="*/ 189992 h 279400"/>
                <a:gd name="connsiteX25" fmla="*/ 0 w 228600"/>
                <a:gd name="connsiteY25" fmla="*/ 190086 h 279400"/>
                <a:gd name="connsiteX26" fmla="*/ 0 w 228600"/>
                <a:gd name="connsiteY26" fmla="*/ 268131 h 279400"/>
                <a:gd name="connsiteX27" fmla="*/ 11064 w 228600"/>
                <a:gd name="connsiteY27" fmla="*/ 279401 h 279400"/>
                <a:gd name="connsiteX28" fmla="*/ 11156 w 228600"/>
                <a:gd name="connsiteY28" fmla="*/ 279400 h 279400"/>
                <a:gd name="connsiteX29" fmla="*/ 87600 w 228600"/>
                <a:gd name="connsiteY29" fmla="*/ 279400 h 279400"/>
                <a:gd name="connsiteX30" fmla="*/ 98755 w 228600"/>
                <a:gd name="connsiteY30" fmla="*/ 268225 h 279400"/>
                <a:gd name="connsiteX31" fmla="*/ 98755 w 228600"/>
                <a:gd name="connsiteY31" fmla="*/ 268131 h 279400"/>
                <a:gd name="connsiteX32" fmla="*/ 98755 w 228600"/>
                <a:gd name="connsiteY32" fmla="*/ 190086 h 279400"/>
                <a:gd name="connsiteX33" fmla="*/ 87691 w 228600"/>
                <a:gd name="connsiteY33" fmla="*/ 178816 h 279400"/>
                <a:gd name="connsiteX34" fmla="*/ 87600 w 228600"/>
                <a:gd name="connsiteY34" fmla="*/ 178816 h 279400"/>
                <a:gd name="connsiteX35" fmla="*/ 54864 w 228600"/>
                <a:gd name="connsiteY35" fmla="*/ 178816 h 279400"/>
                <a:gd name="connsiteX36" fmla="*/ 54864 w 228600"/>
                <a:gd name="connsiteY36" fmla="*/ 145288 h 279400"/>
                <a:gd name="connsiteX37" fmla="*/ 175565 w 228600"/>
                <a:gd name="connsiteY37" fmla="*/ 145288 h 279400"/>
                <a:gd name="connsiteX38" fmla="*/ 175565 w 228600"/>
                <a:gd name="connsiteY38" fmla="*/ 178816 h 279400"/>
                <a:gd name="connsiteX39" fmla="*/ 142829 w 228600"/>
                <a:gd name="connsiteY39" fmla="*/ 178816 h 279400"/>
                <a:gd name="connsiteX40" fmla="*/ 131674 w 228600"/>
                <a:gd name="connsiteY40" fmla="*/ 189992 h 279400"/>
                <a:gd name="connsiteX41" fmla="*/ 131674 w 228600"/>
                <a:gd name="connsiteY41" fmla="*/ 190086 h 279400"/>
                <a:gd name="connsiteX42" fmla="*/ 131674 w 228600"/>
                <a:gd name="connsiteY42" fmla="*/ 268131 h 279400"/>
                <a:gd name="connsiteX43" fmla="*/ 142737 w 228600"/>
                <a:gd name="connsiteY43" fmla="*/ 279401 h 279400"/>
                <a:gd name="connsiteX44" fmla="*/ 142829 w 228600"/>
                <a:gd name="connsiteY44" fmla="*/ 279400 h 279400"/>
                <a:gd name="connsiteX45" fmla="*/ 219456 w 228600"/>
                <a:gd name="connsiteY45" fmla="*/ 279400 h 279400"/>
                <a:gd name="connsiteX46" fmla="*/ 230611 w 228600"/>
                <a:gd name="connsiteY46" fmla="*/ 268225 h 279400"/>
                <a:gd name="connsiteX47" fmla="*/ 230612 w 228600"/>
                <a:gd name="connsiteY47" fmla="*/ 268131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</a:cxnLst>
              <a:rect l="l" t="t" r="r" b="b"/>
              <a:pathLst>
                <a:path w="228600" h="279400">
                  <a:moveTo>
                    <a:pt x="230429" y="268131"/>
                  </a:moveTo>
                  <a:lnTo>
                    <a:pt x="230429" y="190086"/>
                  </a:lnTo>
                  <a:cubicBezTo>
                    <a:pt x="230429" y="183898"/>
                    <a:pt x="225531" y="178868"/>
                    <a:pt x="219456" y="178816"/>
                  </a:cubicBezTo>
                  <a:lnTo>
                    <a:pt x="186538" y="178816"/>
                  </a:lnTo>
                  <a:lnTo>
                    <a:pt x="186538" y="134112"/>
                  </a:lnTo>
                  <a:lnTo>
                    <a:pt x="120701" y="134112"/>
                  </a:lnTo>
                  <a:lnTo>
                    <a:pt x="120701" y="100584"/>
                  </a:lnTo>
                  <a:lnTo>
                    <a:pt x="153436" y="100584"/>
                  </a:lnTo>
                  <a:cubicBezTo>
                    <a:pt x="159547" y="100636"/>
                    <a:pt x="164541" y="95632"/>
                    <a:pt x="164592" y="89409"/>
                  </a:cubicBezTo>
                  <a:cubicBezTo>
                    <a:pt x="164592" y="89378"/>
                    <a:pt x="164592" y="89346"/>
                    <a:pt x="164592" y="89315"/>
                  </a:cubicBezTo>
                  <a:lnTo>
                    <a:pt x="164592" y="11270"/>
                  </a:lnTo>
                  <a:cubicBezTo>
                    <a:pt x="164592" y="5046"/>
                    <a:pt x="159639" y="0"/>
                    <a:pt x="153528" y="0"/>
                  </a:cubicBezTo>
                  <a:cubicBezTo>
                    <a:pt x="153498" y="0"/>
                    <a:pt x="153467" y="0"/>
                    <a:pt x="153436" y="0"/>
                  </a:cubicBezTo>
                  <a:lnTo>
                    <a:pt x="76992" y="0"/>
                  </a:lnTo>
                  <a:cubicBezTo>
                    <a:pt x="70882" y="-51"/>
                    <a:pt x="65888" y="4952"/>
                    <a:pt x="65837" y="11176"/>
                  </a:cubicBezTo>
                  <a:cubicBezTo>
                    <a:pt x="65837" y="11207"/>
                    <a:pt x="65837" y="11238"/>
                    <a:pt x="65837" y="11270"/>
                  </a:cubicBezTo>
                  <a:lnTo>
                    <a:pt x="65837" y="89315"/>
                  </a:lnTo>
                  <a:cubicBezTo>
                    <a:pt x="65837" y="95539"/>
                    <a:pt x="70790" y="100585"/>
                    <a:pt x="76901" y="100585"/>
                  </a:cubicBezTo>
                  <a:cubicBezTo>
                    <a:pt x="76931" y="100585"/>
                    <a:pt x="76962" y="100585"/>
                    <a:pt x="76992" y="100584"/>
                  </a:cubicBezTo>
                  <a:lnTo>
                    <a:pt x="109728" y="100584"/>
                  </a:lnTo>
                  <a:lnTo>
                    <a:pt x="109728" y="134112"/>
                  </a:lnTo>
                  <a:lnTo>
                    <a:pt x="43891" y="134112"/>
                  </a:lnTo>
                  <a:lnTo>
                    <a:pt x="43891" y="178816"/>
                  </a:lnTo>
                  <a:lnTo>
                    <a:pt x="11156" y="178816"/>
                  </a:lnTo>
                  <a:cubicBezTo>
                    <a:pt x="5045" y="178765"/>
                    <a:pt x="51" y="183768"/>
                    <a:pt x="0" y="189992"/>
                  </a:cubicBezTo>
                  <a:cubicBezTo>
                    <a:pt x="0" y="190023"/>
                    <a:pt x="0" y="190054"/>
                    <a:pt x="0" y="190086"/>
                  </a:cubicBezTo>
                  <a:lnTo>
                    <a:pt x="0" y="268131"/>
                  </a:lnTo>
                  <a:cubicBezTo>
                    <a:pt x="0" y="274355"/>
                    <a:pt x="4953" y="279401"/>
                    <a:pt x="11064" y="279401"/>
                  </a:cubicBezTo>
                  <a:cubicBezTo>
                    <a:pt x="11094" y="279401"/>
                    <a:pt x="11125" y="279401"/>
                    <a:pt x="11156" y="279400"/>
                  </a:cubicBezTo>
                  <a:lnTo>
                    <a:pt x="87600" y="279400"/>
                  </a:lnTo>
                  <a:cubicBezTo>
                    <a:pt x="93710" y="279452"/>
                    <a:pt x="98704" y="274448"/>
                    <a:pt x="98755" y="268225"/>
                  </a:cubicBezTo>
                  <a:cubicBezTo>
                    <a:pt x="98755" y="268194"/>
                    <a:pt x="98755" y="268162"/>
                    <a:pt x="98755" y="268131"/>
                  </a:cubicBezTo>
                  <a:lnTo>
                    <a:pt x="98755" y="190086"/>
                  </a:lnTo>
                  <a:cubicBezTo>
                    <a:pt x="98755" y="183862"/>
                    <a:pt x="93802" y="178816"/>
                    <a:pt x="87691" y="178816"/>
                  </a:cubicBezTo>
                  <a:cubicBezTo>
                    <a:pt x="87661" y="178816"/>
                    <a:pt x="87630" y="178816"/>
                    <a:pt x="87600" y="178816"/>
                  </a:cubicBezTo>
                  <a:lnTo>
                    <a:pt x="54864" y="178816"/>
                  </a:lnTo>
                  <a:lnTo>
                    <a:pt x="54864" y="145288"/>
                  </a:lnTo>
                  <a:lnTo>
                    <a:pt x="175565" y="145288"/>
                  </a:lnTo>
                  <a:lnTo>
                    <a:pt x="175565" y="178816"/>
                  </a:lnTo>
                  <a:lnTo>
                    <a:pt x="142829" y="178816"/>
                  </a:lnTo>
                  <a:cubicBezTo>
                    <a:pt x="136719" y="178765"/>
                    <a:pt x="131724" y="183768"/>
                    <a:pt x="131674" y="189992"/>
                  </a:cubicBezTo>
                  <a:cubicBezTo>
                    <a:pt x="131674" y="190023"/>
                    <a:pt x="131674" y="190054"/>
                    <a:pt x="131674" y="190086"/>
                  </a:cubicBezTo>
                  <a:lnTo>
                    <a:pt x="131674" y="268131"/>
                  </a:lnTo>
                  <a:cubicBezTo>
                    <a:pt x="131673" y="274355"/>
                    <a:pt x="136627" y="279401"/>
                    <a:pt x="142737" y="279401"/>
                  </a:cubicBezTo>
                  <a:cubicBezTo>
                    <a:pt x="142768" y="279401"/>
                    <a:pt x="142799" y="279401"/>
                    <a:pt x="142829" y="279400"/>
                  </a:cubicBezTo>
                  <a:lnTo>
                    <a:pt x="219456" y="279400"/>
                  </a:lnTo>
                  <a:cubicBezTo>
                    <a:pt x="225566" y="279452"/>
                    <a:pt x="230561" y="274448"/>
                    <a:pt x="230611" y="268225"/>
                  </a:cubicBezTo>
                  <a:cubicBezTo>
                    <a:pt x="230612" y="268194"/>
                    <a:pt x="230612" y="268162"/>
                    <a:pt x="230612" y="268131"/>
                  </a:cubicBezTo>
                </a:path>
              </a:pathLst>
            </a:custGeom>
            <a:solidFill>
              <a:schemeClr val="tx1"/>
            </a:solidFill>
            <a:ln w="914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accent2"/>
                </a:solidFill>
              </a:endParaRPr>
            </a:p>
          </p:txBody>
        </p:sp>
        <p:sp>
          <p:nvSpPr>
            <p:cNvPr id="242" name="Tekstvak 149">
              <a:extLst>
                <a:ext uri="{FF2B5EF4-FFF2-40B4-BE49-F238E27FC236}">
                  <a16:creationId xmlns="" xmlns:a16="http://schemas.microsoft.com/office/drawing/2014/main" id="{BA5A6314-47A8-49C6-8C78-7C4867F1C0B8}"/>
                </a:ext>
              </a:extLst>
            </p:cNvPr>
            <p:cNvSpPr txBox="1"/>
            <p:nvPr userDrawn="1"/>
          </p:nvSpPr>
          <p:spPr>
            <a:xfrm>
              <a:off x="4696928" y="6365541"/>
              <a:ext cx="898093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Дизайн исследования</a:t>
              </a:r>
            </a:p>
          </p:txBody>
        </p:sp>
      </p:grpSp>
      <p:grpSp>
        <p:nvGrpSpPr>
          <p:cNvPr id="243" name="Group 242">
            <a:extLst>
              <a:ext uri="{FF2B5EF4-FFF2-40B4-BE49-F238E27FC236}">
                <a16:creationId xmlns="" xmlns:a16="http://schemas.microsoft.com/office/drawing/2014/main" id="{7A89801C-4899-4E36-AE13-CC6678D2044B}"/>
              </a:ext>
            </a:extLst>
          </p:cNvPr>
          <p:cNvGrpSpPr/>
          <p:nvPr userDrawn="1"/>
        </p:nvGrpSpPr>
        <p:grpSpPr>
          <a:xfrm>
            <a:off x="3756424" y="6455150"/>
            <a:ext cx="1427357" cy="199392"/>
            <a:chOff x="2097837" y="6611131"/>
            <a:chExt cx="1070518" cy="199392"/>
          </a:xfrm>
        </p:grpSpPr>
        <p:sp>
          <p:nvSpPr>
            <p:cNvPr id="244" name="Vrije vorm 194">
              <a:extLst>
                <a:ext uri="{FF2B5EF4-FFF2-40B4-BE49-F238E27FC236}">
                  <a16:creationId xmlns="" xmlns:a16="http://schemas.microsoft.com/office/drawing/2014/main" id="{3AFA3ECF-E542-445A-BC3D-248F62C8CFCF}"/>
                </a:ext>
              </a:extLst>
            </p:cNvPr>
            <p:cNvSpPr/>
            <p:nvPr userDrawn="1"/>
          </p:nvSpPr>
          <p:spPr>
            <a:xfrm>
              <a:off x="2097837" y="6789960"/>
              <a:ext cx="41541" cy="20563"/>
            </a:xfrm>
            <a:custGeom>
              <a:avLst/>
              <a:gdLst>
                <a:gd name="connsiteX0" fmla="*/ 0 w 56444"/>
                <a:gd name="connsiteY0" fmla="*/ 0 h 27940"/>
                <a:gd name="connsiteX1" fmla="*/ 61336 w 56444"/>
                <a:gd name="connsiteY1" fmla="*/ 0 h 27940"/>
                <a:gd name="connsiteX2" fmla="*/ 61336 w 56444"/>
                <a:gd name="connsiteY2" fmla="*/ 36415 h 27940"/>
                <a:gd name="connsiteX3" fmla="*/ 0 w 56444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27940">
                  <a:moveTo>
                    <a:pt x="0" y="0"/>
                  </a:moveTo>
                  <a:lnTo>
                    <a:pt x="61336" y="0"/>
                  </a:lnTo>
                  <a:lnTo>
                    <a:pt x="61336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5" name="Vrije vorm 195">
              <a:extLst>
                <a:ext uri="{FF2B5EF4-FFF2-40B4-BE49-F238E27FC236}">
                  <a16:creationId xmlns="" xmlns:a16="http://schemas.microsoft.com/office/drawing/2014/main" id="{1DB51D7A-DC81-497F-B05D-28B68E43E943}"/>
                </a:ext>
              </a:extLst>
            </p:cNvPr>
            <p:cNvSpPr/>
            <p:nvPr userDrawn="1"/>
          </p:nvSpPr>
          <p:spPr>
            <a:xfrm>
              <a:off x="2097837" y="6763091"/>
              <a:ext cx="41541" cy="13709"/>
            </a:xfrm>
            <a:custGeom>
              <a:avLst/>
              <a:gdLst>
                <a:gd name="connsiteX0" fmla="*/ 0 w 56444"/>
                <a:gd name="connsiteY0" fmla="*/ 0 h 18626"/>
                <a:gd name="connsiteX1" fmla="*/ 61336 w 56444"/>
                <a:gd name="connsiteY1" fmla="*/ 0 h 18626"/>
                <a:gd name="connsiteX2" fmla="*/ 61336 w 56444"/>
                <a:gd name="connsiteY2" fmla="*/ 24308 h 18626"/>
                <a:gd name="connsiteX3" fmla="*/ 0 w 56444"/>
                <a:gd name="connsiteY3" fmla="*/ 24308 h 18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18626">
                  <a:moveTo>
                    <a:pt x="0" y="0"/>
                  </a:moveTo>
                  <a:lnTo>
                    <a:pt x="61336" y="0"/>
                  </a:lnTo>
                  <a:lnTo>
                    <a:pt x="61336" y="24308"/>
                  </a:lnTo>
                  <a:lnTo>
                    <a:pt x="0" y="24308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6" name="Vrije vorm 196">
              <a:extLst>
                <a:ext uri="{FF2B5EF4-FFF2-40B4-BE49-F238E27FC236}">
                  <a16:creationId xmlns="" xmlns:a16="http://schemas.microsoft.com/office/drawing/2014/main" id="{A3A7A2A5-0EF8-4F3F-9CB3-14D4B0418F14}"/>
                </a:ext>
              </a:extLst>
            </p:cNvPr>
            <p:cNvSpPr/>
            <p:nvPr userDrawn="1"/>
          </p:nvSpPr>
          <p:spPr>
            <a:xfrm>
              <a:off x="2097837" y="6673711"/>
              <a:ext cx="41541" cy="75398"/>
            </a:xfrm>
            <a:custGeom>
              <a:avLst/>
              <a:gdLst>
                <a:gd name="connsiteX0" fmla="*/ 0 w 56444"/>
                <a:gd name="connsiteY0" fmla="*/ 0 h 102446"/>
                <a:gd name="connsiteX1" fmla="*/ 61336 w 56444"/>
                <a:gd name="connsiteY1" fmla="*/ 0 h 102446"/>
                <a:gd name="connsiteX2" fmla="*/ 61336 w 56444"/>
                <a:gd name="connsiteY2" fmla="*/ 109339 h 102446"/>
                <a:gd name="connsiteX3" fmla="*/ 0 w 56444"/>
                <a:gd name="connsiteY3" fmla="*/ 109339 h 1024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102446">
                  <a:moveTo>
                    <a:pt x="0" y="0"/>
                  </a:moveTo>
                  <a:lnTo>
                    <a:pt x="61336" y="0"/>
                  </a:lnTo>
                  <a:lnTo>
                    <a:pt x="61336" y="109339"/>
                  </a:lnTo>
                  <a:lnTo>
                    <a:pt x="0" y="109339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7" name="Vrije vorm 197">
              <a:extLst>
                <a:ext uri="{FF2B5EF4-FFF2-40B4-BE49-F238E27FC236}">
                  <a16:creationId xmlns="" xmlns:a16="http://schemas.microsoft.com/office/drawing/2014/main" id="{BC077A59-213C-4F92-AC10-90E0D37BE633}"/>
                </a:ext>
              </a:extLst>
            </p:cNvPr>
            <p:cNvSpPr/>
            <p:nvPr userDrawn="1"/>
          </p:nvSpPr>
          <p:spPr>
            <a:xfrm>
              <a:off x="2097837" y="6629021"/>
              <a:ext cx="41541" cy="34272"/>
            </a:xfrm>
            <a:custGeom>
              <a:avLst/>
              <a:gdLst>
                <a:gd name="connsiteX0" fmla="*/ 0 w 56444"/>
                <a:gd name="connsiteY0" fmla="*/ 0 h 46566"/>
                <a:gd name="connsiteX1" fmla="*/ 61336 w 56444"/>
                <a:gd name="connsiteY1" fmla="*/ 0 h 46566"/>
                <a:gd name="connsiteX2" fmla="*/ 61336 w 56444"/>
                <a:gd name="connsiteY2" fmla="*/ 48616 h 46566"/>
                <a:gd name="connsiteX3" fmla="*/ 0 w 56444"/>
                <a:gd name="connsiteY3" fmla="*/ 48616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46566">
                  <a:moveTo>
                    <a:pt x="0" y="0"/>
                  </a:moveTo>
                  <a:lnTo>
                    <a:pt x="61336" y="0"/>
                  </a:lnTo>
                  <a:lnTo>
                    <a:pt x="61336" y="48616"/>
                  </a:lnTo>
                  <a:lnTo>
                    <a:pt x="0" y="4861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8" name="Vrije vorm 198">
              <a:extLst>
                <a:ext uri="{FF2B5EF4-FFF2-40B4-BE49-F238E27FC236}">
                  <a16:creationId xmlns="" xmlns:a16="http://schemas.microsoft.com/office/drawing/2014/main" id="{484370C2-7110-4B11-A2DC-D2650D969B8C}"/>
                </a:ext>
              </a:extLst>
            </p:cNvPr>
            <p:cNvSpPr/>
            <p:nvPr userDrawn="1"/>
          </p:nvSpPr>
          <p:spPr>
            <a:xfrm>
              <a:off x="2152048" y="6789960"/>
              <a:ext cx="48465" cy="20563"/>
            </a:xfrm>
            <a:custGeom>
              <a:avLst/>
              <a:gdLst>
                <a:gd name="connsiteX0" fmla="*/ 0 w 65851"/>
                <a:gd name="connsiteY0" fmla="*/ 0 h 27940"/>
                <a:gd name="connsiteX1" fmla="*/ 73660 w 65851"/>
                <a:gd name="connsiteY1" fmla="*/ 0 h 27940"/>
                <a:gd name="connsiteX2" fmla="*/ 73660 w 65851"/>
                <a:gd name="connsiteY2" fmla="*/ 36415 h 27940"/>
                <a:gd name="connsiteX3" fmla="*/ 0 w 65851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27940">
                  <a:moveTo>
                    <a:pt x="0" y="0"/>
                  </a:moveTo>
                  <a:lnTo>
                    <a:pt x="73660" y="0"/>
                  </a:lnTo>
                  <a:lnTo>
                    <a:pt x="73660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9" name="Vrije vorm 199">
              <a:extLst>
                <a:ext uri="{FF2B5EF4-FFF2-40B4-BE49-F238E27FC236}">
                  <a16:creationId xmlns="" xmlns:a16="http://schemas.microsoft.com/office/drawing/2014/main" id="{C53E50E7-0C8E-4E4C-A049-C3236D5CD4E9}"/>
                </a:ext>
              </a:extLst>
            </p:cNvPr>
            <p:cNvSpPr/>
            <p:nvPr userDrawn="1"/>
          </p:nvSpPr>
          <p:spPr>
            <a:xfrm>
              <a:off x="2152049" y="6754179"/>
              <a:ext cx="48465" cy="20563"/>
            </a:xfrm>
            <a:custGeom>
              <a:avLst/>
              <a:gdLst>
                <a:gd name="connsiteX0" fmla="*/ 0 w 65851"/>
                <a:gd name="connsiteY0" fmla="*/ 0 h 27940"/>
                <a:gd name="connsiteX1" fmla="*/ 73660 w 65851"/>
                <a:gd name="connsiteY1" fmla="*/ 0 h 27940"/>
                <a:gd name="connsiteX2" fmla="*/ 73660 w 65851"/>
                <a:gd name="connsiteY2" fmla="*/ 36415 h 27940"/>
                <a:gd name="connsiteX3" fmla="*/ 0 w 65851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27940">
                  <a:moveTo>
                    <a:pt x="0" y="0"/>
                  </a:moveTo>
                  <a:lnTo>
                    <a:pt x="73660" y="0"/>
                  </a:lnTo>
                  <a:lnTo>
                    <a:pt x="73660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50" name="Vrije vorm 200">
              <a:extLst>
                <a:ext uri="{FF2B5EF4-FFF2-40B4-BE49-F238E27FC236}">
                  <a16:creationId xmlns="" xmlns:a16="http://schemas.microsoft.com/office/drawing/2014/main" id="{56810DAF-8E9B-435F-A00D-CDB09DEEE6F3}"/>
                </a:ext>
              </a:extLst>
            </p:cNvPr>
            <p:cNvSpPr/>
            <p:nvPr userDrawn="1"/>
          </p:nvSpPr>
          <p:spPr>
            <a:xfrm>
              <a:off x="2152048" y="6655821"/>
              <a:ext cx="48465" cy="89106"/>
            </a:xfrm>
            <a:custGeom>
              <a:avLst/>
              <a:gdLst>
                <a:gd name="connsiteX0" fmla="*/ 0 w 65851"/>
                <a:gd name="connsiteY0" fmla="*/ 0 h 121073"/>
                <a:gd name="connsiteX1" fmla="*/ 73660 w 65851"/>
                <a:gd name="connsiteY1" fmla="*/ 0 h 121073"/>
                <a:gd name="connsiteX2" fmla="*/ 73660 w 65851"/>
                <a:gd name="connsiteY2" fmla="*/ 121446 h 121073"/>
                <a:gd name="connsiteX3" fmla="*/ 0 w 65851"/>
                <a:gd name="connsiteY3" fmla="*/ 121446 h 1210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121072">
                  <a:moveTo>
                    <a:pt x="0" y="0"/>
                  </a:moveTo>
                  <a:lnTo>
                    <a:pt x="73660" y="0"/>
                  </a:lnTo>
                  <a:lnTo>
                    <a:pt x="73660" y="121446"/>
                  </a:lnTo>
                  <a:lnTo>
                    <a:pt x="0" y="12144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51" name="Vrije vorm 201">
              <a:extLst>
                <a:ext uri="{FF2B5EF4-FFF2-40B4-BE49-F238E27FC236}">
                  <a16:creationId xmlns="" xmlns:a16="http://schemas.microsoft.com/office/drawing/2014/main" id="{01610EC4-D7E1-401A-BB01-5B92823F0FE4}"/>
                </a:ext>
              </a:extLst>
            </p:cNvPr>
            <p:cNvSpPr/>
            <p:nvPr userDrawn="1"/>
          </p:nvSpPr>
          <p:spPr>
            <a:xfrm>
              <a:off x="2152048" y="6611131"/>
              <a:ext cx="48465" cy="34272"/>
            </a:xfrm>
            <a:custGeom>
              <a:avLst/>
              <a:gdLst>
                <a:gd name="connsiteX0" fmla="*/ 0 w 65851"/>
                <a:gd name="connsiteY0" fmla="*/ 0 h 46566"/>
                <a:gd name="connsiteX1" fmla="*/ 73660 w 65851"/>
                <a:gd name="connsiteY1" fmla="*/ 0 h 46566"/>
                <a:gd name="connsiteX2" fmla="*/ 73660 w 65851"/>
                <a:gd name="connsiteY2" fmla="*/ 48616 h 46566"/>
                <a:gd name="connsiteX3" fmla="*/ 0 w 65851"/>
                <a:gd name="connsiteY3" fmla="*/ 48616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46566">
                  <a:moveTo>
                    <a:pt x="0" y="0"/>
                  </a:moveTo>
                  <a:lnTo>
                    <a:pt x="73660" y="0"/>
                  </a:lnTo>
                  <a:lnTo>
                    <a:pt x="73660" y="48616"/>
                  </a:lnTo>
                  <a:lnTo>
                    <a:pt x="0" y="4861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52" name="Vrije vorm 202">
              <a:extLst>
                <a:ext uri="{FF2B5EF4-FFF2-40B4-BE49-F238E27FC236}">
                  <a16:creationId xmlns="" xmlns:a16="http://schemas.microsoft.com/office/drawing/2014/main" id="{92C98446-60F6-4592-A31C-0CA439F267BD}"/>
                </a:ext>
              </a:extLst>
            </p:cNvPr>
            <p:cNvSpPr/>
            <p:nvPr userDrawn="1"/>
          </p:nvSpPr>
          <p:spPr>
            <a:xfrm>
              <a:off x="2221055" y="6618327"/>
              <a:ext cx="41541" cy="34272"/>
            </a:xfrm>
            <a:custGeom>
              <a:avLst/>
              <a:gdLst>
                <a:gd name="connsiteX0" fmla="*/ 0 w 56444"/>
                <a:gd name="connsiteY0" fmla="*/ 5187 h 46566"/>
                <a:gd name="connsiteX1" fmla="*/ 61112 w 56444"/>
                <a:gd name="connsiteY1" fmla="*/ 0 h 46566"/>
                <a:gd name="connsiteX2" fmla="*/ 65307 w 56444"/>
                <a:gd name="connsiteY2" fmla="*/ 48438 h 46566"/>
                <a:gd name="connsiteX3" fmla="*/ 4195 w 56444"/>
                <a:gd name="connsiteY3" fmla="*/ 53625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46566">
                  <a:moveTo>
                    <a:pt x="0" y="5187"/>
                  </a:moveTo>
                  <a:lnTo>
                    <a:pt x="61112" y="0"/>
                  </a:lnTo>
                  <a:lnTo>
                    <a:pt x="65307" y="48438"/>
                  </a:lnTo>
                  <a:lnTo>
                    <a:pt x="4195" y="5362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53" name="Vrije vorm 203">
              <a:extLst>
                <a:ext uri="{FF2B5EF4-FFF2-40B4-BE49-F238E27FC236}">
                  <a16:creationId xmlns="" xmlns:a16="http://schemas.microsoft.com/office/drawing/2014/main" id="{97EDA483-D891-4837-93A4-E26399659349}"/>
                </a:ext>
              </a:extLst>
            </p:cNvPr>
            <p:cNvSpPr/>
            <p:nvPr userDrawn="1"/>
          </p:nvSpPr>
          <p:spPr>
            <a:xfrm>
              <a:off x="2224997" y="6662805"/>
              <a:ext cx="48465" cy="82252"/>
            </a:xfrm>
            <a:custGeom>
              <a:avLst/>
              <a:gdLst>
                <a:gd name="connsiteX0" fmla="*/ 0 w 65851"/>
                <a:gd name="connsiteY0" fmla="*/ 5176 h 111760"/>
                <a:gd name="connsiteX1" fmla="*/ 61113 w 65851"/>
                <a:gd name="connsiteY1" fmla="*/ 0 h 111760"/>
                <a:gd name="connsiteX2" fmla="*/ 70528 w 65851"/>
                <a:gd name="connsiteY2" fmla="*/ 108941 h 111760"/>
                <a:gd name="connsiteX3" fmla="*/ 9414 w 65851"/>
                <a:gd name="connsiteY3" fmla="*/ 114117 h 1117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111760">
                  <a:moveTo>
                    <a:pt x="0" y="5176"/>
                  </a:moveTo>
                  <a:lnTo>
                    <a:pt x="61113" y="0"/>
                  </a:lnTo>
                  <a:lnTo>
                    <a:pt x="70528" y="108941"/>
                  </a:lnTo>
                  <a:lnTo>
                    <a:pt x="9414" y="114117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54" name="Vrije vorm 204">
              <a:extLst>
                <a:ext uri="{FF2B5EF4-FFF2-40B4-BE49-F238E27FC236}">
                  <a16:creationId xmlns="" xmlns:a16="http://schemas.microsoft.com/office/drawing/2014/main" id="{8BF3A9EE-2F63-444F-A8E1-B9BEC182A2E8}"/>
                </a:ext>
              </a:extLst>
            </p:cNvPr>
            <p:cNvSpPr/>
            <p:nvPr userDrawn="1"/>
          </p:nvSpPr>
          <p:spPr>
            <a:xfrm>
              <a:off x="2232680" y="6751887"/>
              <a:ext cx="41541" cy="20563"/>
            </a:xfrm>
            <a:custGeom>
              <a:avLst/>
              <a:gdLst>
                <a:gd name="connsiteX0" fmla="*/ 0 w 56444"/>
                <a:gd name="connsiteY0" fmla="*/ 5187 h 27940"/>
                <a:gd name="connsiteX1" fmla="*/ 61112 w 56444"/>
                <a:gd name="connsiteY1" fmla="*/ 0 h 27940"/>
                <a:gd name="connsiteX2" fmla="*/ 63209 w 56444"/>
                <a:gd name="connsiteY2" fmla="*/ 24219 h 27940"/>
                <a:gd name="connsiteX3" fmla="*/ 2097 w 56444"/>
                <a:gd name="connsiteY3" fmla="*/ 29406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27940">
                  <a:moveTo>
                    <a:pt x="0" y="5187"/>
                  </a:moveTo>
                  <a:lnTo>
                    <a:pt x="61112" y="0"/>
                  </a:lnTo>
                  <a:lnTo>
                    <a:pt x="63209" y="24219"/>
                  </a:lnTo>
                  <a:lnTo>
                    <a:pt x="2097" y="2940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55" name="Vrije vorm 205">
              <a:extLst>
                <a:ext uri="{FF2B5EF4-FFF2-40B4-BE49-F238E27FC236}">
                  <a16:creationId xmlns="" xmlns:a16="http://schemas.microsoft.com/office/drawing/2014/main" id="{E8CEEC34-CED3-4CB9-9450-009952CC0BBA}"/>
                </a:ext>
              </a:extLst>
            </p:cNvPr>
            <p:cNvSpPr/>
            <p:nvPr userDrawn="1"/>
          </p:nvSpPr>
          <p:spPr>
            <a:xfrm>
              <a:off x="2236266" y="6778423"/>
              <a:ext cx="41541" cy="27417"/>
            </a:xfrm>
            <a:custGeom>
              <a:avLst/>
              <a:gdLst>
                <a:gd name="connsiteX0" fmla="*/ 0 w 56444"/>
                <a:gd name="connsiteY0" fmla="*/ 5465 h 37253"/>
                <a:gd name="connsiteX1" fmla="*/ 61336 w 56444"/>
                <a:gd name="connsiteY1" fmla="*/ 0 h 37253"/>
                <a:gd name="connsiteX2" fmla="*/ 64647 w 56444"/>
                <a:gd name="connsiteY2" fmla="*/ 36415 h 37253"/>
                <a:gd name="connsiteX3" fmla="*/ 3310 w 56444"/>
                <a:gd name="connsiteY3" fmla="*/ 41880 h 37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37253">
                  <a:moveTo>
                    <a:pt x="0" y="5465"/>
                  </a:moveTo>
                  <a:lnTo>
                    <a:pt x="61336" y="0"/>
                  </a:lnTo>
                  <a:lnTo>
                    <a:pt x="64647" y="36415"/>
                  </a:lnTo>
                  <a:lnTo>
                    <a:pt x="3310" y="41880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56" name="Tekstvak 193">
              <a:extLst>
                <a:ext uri="{FF2B5EF4-FFF2-40B4-BE49-F238E27FC236}">
                  <a16:creationId xmlns="" xmlns:a16="http://schemas.microsoft.com/office/drawing/2014/main" id="{3D17155D-8462-4F74-825D-D7A4631DE80B}"/>
                </a:ext>
              </a:extLst>
            </p:cNvPr>
            <p:cNvSpPr txBox="1"/>
            <p:nvPr userDrawn="1"/>
          </p:nvSpPr>
          <p:spPr>
            <a:xfrm>
              <a:off x="2365307" y="6537061"/>
              <a:ext cx="803851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Клинические исследования</a:t>
              </a:r>
            </a:p>
          </p:txBody>
        </p:sp>
      </p:grpSp>
      <p:grpSp>
        <p:nvGrpSpPr>
          <p:cNvPr id="257" name="Groep 178">
            <a:extLst>
              <a:ext uri="{FF2B5EF4-FFF2-40B4-BE49-F238E27FC236}">
                <a16:creationId xmlns="" xmlns:a16="http://schemas.microsoft.com/office/drawing/2014/main" id="{B2D74817-3253-4D38-9427-FA30E2F81C4C}"/>
              </a:ext>
            </a:extLst>
          </p:cNvPr>
          <p:cNvGrpSpPr/>
          <p:nvPr userDrawn="1"/>
        </p:nvGrpSpPr>
        <p:grpSpPr>
          <a:xfrm>
            <a:off x="6274707" y="6455151"/>
            <a:ext cx="1299431" cy="205629"/>
            <a:chOff x="1983484" y="6455150"/>
            <a:chExt cx="974573" cy="205629"/>
          </a:xfrm>
        </p:grpSpPr>
        <p:sp>
          <p:nvSpPr>
            <p:cNvPr id="258" name="Graphic 27">
              <a:extLst>
                <a:ext uri="{FF2B5EF4-FFF2-40B4-BE49-F238E27FC236}">
                  <a16:creationId xmlns="" xmlns:a16="http://schemas.microsoft.com/office/drawing/2014/main" id="{63498D1F-DD98-446A-9D36-CBB26BE55D01}"/>
                </a:ext>
              </a:extLst>
            </p:cNvPr>
            <p:cNvSpPr/>
            <p:nvPr/>
          </p:nvSpPr>
          <p:spPr>
            <a:xfrm>
              <a:off x="1983484" y="6455150"/>
              <a:ext cx="205629" cy="205629"/>
            </a:xfrm>
            <a:custGeom>
              <a:avLst/>
              <a:gdLst>
                <a:gd name="connsiteX0" fmla="*/ 140538 w 279400"/>
                <a:gd name="connsiteY0" fmla="*/ 109245 h 279400"/>
                <a:gd name="connsiteX1" fmla="*/ 194276 w 279400"/>
                <a:gd name="connsiteY1" fmla="*/ 0 h 279400"/>
                <a:gd name="connsiteX2" fmla="*/ 235255 w 279400"/>
                <a:gd name="connsiteY2" fmla="*/ 22445 h 279400"/>
                <a:gd name="connsiteX3" fmla="*/ 164567 w 279400"/>
                <a:gd name="connsiteY3" fmla="*/ 124426 h 279400"/>
                <a:gd name="connsiteX4" fmla="*/ 279400 w 279400"/>
                <a:gd name="connsiteY4" fmla="*/ 114833 h 279400"/>
                <a:gd name="connsiteX5" fmla="*/ 279400 w 279400"/>
                <a:gd name="connsiteY5" fmla="*/ 161400 h 279400"/>
                <a:gd name="connsiteX6" fmla="*/ 165405 w 279400"/>
                <a:gd name="connsiteY6" fmla="*/ 152552 h 279400"/>
                <a:gd name="connsiteX7" fmla="*/ 234417 w 279400"/>
                <a:gd name="connsiteY7" fmla="*/ 256117 h 279400"/>
                <a:gd name="connsiteX8" fmla="*/ 192693 w 279400"/>
                <a:gd name="connsiteY8" fmla="*/ 277817 h 279400"/>
                <a:gd name="connsiteX9" fmla="*/ 140538 w 279400"/>
                <a:gd name="connsiteY9" fmla="*/ 166988 h 279400"/>
                <a:gd name="connsiteX10" fmla="*/ 85869 w 279400"/>
                <a:gd name="connsiteY10" fmla="*/ 279400 h 279400"/>
                <a:gd name="connsiteX11" fmla="*/ 45728 w 279400"/>
                <a:gd name="connsiteY11" fmla="*/ 256117 h 279400"/>
                <a:gd name="connsiteX12" fmla="*/ 115578 w 279400"/>
                <a:gd name="connsiteY12" fmla="*/ 153391 h 279400"/>
                <a:gd name="connsiteX13" fmla="*/ 0 w 279400"/>
                <a:gd name="connsiteY13" fmla="*/ 161400 h 279400"/>
                <a:gd name="connsiteX14" fmla="*/ 0 w 279400"/>
                <a:gd name="connsiteY14" fmla="*/ 114833 h 279400"/>
                <a:gd name="connsiteX15" fmla="*/ 116417 w 279400"/>
                <a:gd name="connsiteY15" fmla="*/ 124426 h 279400"/>
                <a:gd name="connsiteX16" fmla="*/ 43400 w 279400"/>
                <a:gd name="connsiteY16" fmla="*/ 23283 h 279400"/>
                <a:gd name="connsiteX17" fmla="*/ 85869 w 279400"/>
                <a:gd name="connsiteY17" fmla="*/ 0 h 279400"/>
                <a:gd name="connsiteX18" fmla="*/ 140538 w 279400"/>
                <a:gd name="connsiteY18" fmla="*/ 109245 h 279400"/>
                <a:gd name="connsiteX19" fmla="*/ 140538 w 279400"/>
                <a:gd name="connsiteY19" fmla="*/ 109245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79400" h="279400">
                  <a:moveTo>
                    <a:pt x="140538" y="109245"/>
                  </a:moveTo>
                  <a:lnTo>
                    <a:pt x="194276" y="0"/>
                  </a:lnTo>
                  <a:lnTo>
                    <a:pt x="235255" y="22445"/>
                  </a:lnTo>
                  <a:lnTo>
                    <a:pt x="164567" y="124426"/>
                  </a:lnTo>
                  <a:lnTo>
                    <a:pt x="279400" y="114833"/>
                  </a:lnTo>
                  <a:lnTo>
                    <a:pt x="279400" y="161400"/>
                  </a:lnTo>
                  <a:lnTo>
                    <a:pt x="165405" y="152552"/>
                  </a:lnTo>
                  <a:lnTo>
                    <a:pt x="234417" y="256117"/>
                  </a:lnTo>
                  <a:lnTo>
                    <a:pt x="192693" y="277817"/>
                  </a:lnTo>
                  <a:lnTo>
                    <a:pt x="140538" y="166988"/>
                  </a:lnTo>
                  <a:lnTo>
                    <a:pt x="85869" y="279400"/>
                  </a:lnTo>
                  <a:lnTo>
                    <a:pt x="45728" y="256117"/>
                  </a:lnTo>
                  <a:lnTo>
                    <a:pt x="115578" y="153391"/>
                  </a:lnTo>
                  <a:lnTo>
                    <a:pt x="0" y="161400"/>
                  </a:lnTo>
                  <a:lnTo>
                    <a:pt x="0" y="114833"/>
                  </a:lnTo>
                  <a:lnTo>
                    <a:pt x="116417" y="124426"/>
                  </a:lnTo>
                  <a:lnTo>
                    <a:pt x="43400" y="23283"/>
                  </a:lnTo>
                  <a:lnTo>
                    <a:pt x="85869" y="0"/>
                  </a:lnTo>
                  <a:lnTo>
                    <a:pt x="140538" y="109245"/>
                  </a:lnTo>
                  <a:lnTo>
                    <a:pt x="140538" y="109245"/>
                  </a:lnTo>
                  <a:close/>
                </a:path>
              </a:pathLst>
            </a:custGeom>
            <a:solidFill>
              <a:schemeClr val="tx1"/>
            </a:solidFill>
            <a:ln w="920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59" name="Tekstvak 191">
              <a:extLst>
                <a:ext uri="{FF2B5EF4-FFF2-40B4-BE49-F238E27FC236}">
                  <a16:creationId xmlns="" xmlns:a16="http://schemas.microsoft.com/office/drawing/2014/main" id="{09287797-0AAC-4094-8487-DF6C06F7FCC0}"/>
                </a:ext>
              </a:extLst>
            </p:cNvPr>
            <p:cNvSpPr txBox="1"/>
            <p:nvPr/>
          </p:nvSpPr>
          <p:spPr>
            <a:xfrm>
              <a:off x="2280564" y="6467438"/>
              <a:ext cx="678170" cy="175435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Примечания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827347988"/>
      </p:ext>
    </p:extLst>
  </p:cSld>
  <p:clrMapOvr>
    <a:masterClrMapping/>
  </p:clrMapOvr>
  <p:transition/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lour palette - referenc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 err="1"/>
              <a:t>Colour palette</a:t>
            </a:r>
            <a:endParaRPr lang="en-GB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0" y="1147203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0" name="Rectangle 29"/>
          <p:cNvSpPr/>
          <p:nvPr userDrawn="1"/>
        </p:nvSpPr>
        <p:spPr>
          <a:xfrm>
            <a:off x="6033631" y="1655014"/>
            <a:ext cx="768000" cy="576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6000" rIns="36000" rtlCol="0" anchor="ctr"/>
          <a:lstStyle/>
          <a:p>
            <a:pPr algn="ctr"/>
            <a:r>
              <a:rPr lang="ru-RU" sz="1600" b="1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1</a:t>
            </a:r>
          </a:p>
        </p:txBody>
      </p:sp>
      <p:sp>
        <p:nvSpPr>
          <p:cNvPr id="31" name="TextBox 30"/>
          <p:cNvSpPr txBox="1"/>
          <p:nvPr userDrawn="1"/>
        </p:nvSpPr>
        <p:spPr>
          <a:xfrm>
            <a:off x="6870254" y="1660959"/>
            <a:ext cx="5104612" cy="5491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600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100 G130 B195</a:t>
            </a:r>
            <a:r>
              <a:rPr sz="1900"/>
              <a:t/>
            </a:r>
            <a:br>
              <a:rPr sz="1900"/>
            </a:br>
            <a:r>
              <a:rPr lang="ru-RU" sz="14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заголовки, эмпаглифлозин 25 мг)</a:t>
            </a:r>
          </a:p>
        </p:txBody>
      </p:sp>
      <p:sp>
        <p:nvSpPr>
          <p:cNvPr id="32" name="Rectangle 31"/>
          <p:cNvSpPr/>
          <p:nvPr userDrawn="1"/>
        </p:nvSpPr>
        <p:spPr>
          <a:xfrm>
            <a:off x="6033631" y="3178860"/>
            <a:ext cx="768000" cy="576000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600" b="1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3</a:t>
            </a:r>
          </a:p>
        </p:txBody>
      </p:sp>
      <p:sp>
        <p:nvSpPr>
          <p:cNvPr id="33" name="TextBox 32"/>
          <p:cNvSpPr txBox="1"/>
          <p:nvPr userDrawn="1"/>
        </p:nvSpPr>
        <p:spPr>
          <a:xfrm>
            <a:off x="6870255" y="3177497"/>
            <a:ext cx="5104613" cy="5491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600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67 G172 B153</a:t>
            </a:r>
          </a:p>
          <a:p>
            <a:r>
              <a:rPr lang="ru-RU" sz="14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эмпаглифлозин 10 мг)</a:t>
            </a:r>
          </a:p>
        </p:txBody>
      </p:sp>
      <p:sp>
        <p:nvSpPr>
          <p:cNvPr id="34" name="Rectangle 33"/>
          <p:cNvSpPr/>
          <p:nvPr userDrawn="1"/>
        </p:nvSpPr>
        <p:spPr>
          <a:xfrm>
            <a:off x="6033636" y="2416937"/>
            <a:ext cx="768000" cy="576000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600" b="1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2</a:t>
            </a:r>
          </a:p>
        </p:txBody>
      </p:sp>
      <p:sp>
        <p:nvSpPr>
          <p:cNvPr id="35" name="TextBox 34"/>
          <p:cNvSpPr txBox="1"/>
          <p:nvPr userDrawn="1"/>
        </p:nvSpPr>
        <p:spPr>
          <a:xfrm>
            <a:off x="6870255" y="2423461"/>
            <a:ext cx="5104612" cy="5491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600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240 G65 B75</a:t>
            </a:r>
            <a:r>
              <a:rPr sz="1900"/>
              <a:t/>
            </a:r>
            <a:br>
              <a:rPr sz="1900"/>
            </a:br>
            <a:r>
              <a:rPr lang="ru-RU" sz="14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подзаголовки, эмпаглифлозин, совокупные данные)</a:t>
            </a:r>
          </a:p>
        </p:txBody>
      </p:sp>
      <p:sp>
        <p:nvSpPr>
          <p:cNvPr id="36" name="Rectangle 35"/>
          <p:cNvSpPr/>
          <p:nvPr userDrawn="1"/>
        </p:nvSpPr>
        <p:spPr>
          <a:xfrm>
            <a:off x="6033631" y="3940783"/>
            <a:ext cx="768000" cy="576000"/>
          </a:xfrm>
          <a:prstGeom prst="rect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600" b="1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4</a:t>
            </a:r>
          </a:p>
        </p:txBody>
      </p:sp>
      <p:sp>
        <p:nvSpPr>
          <p:cNvPr id="37" name="TextBox 36"/>
          <p:cNvSpPr txBox="1"/>
          <p:nvPr userDrawn="1"/>
        </p:nvSpPr>
        <p:spPr>
          <a:xfrm>
            <a:off x="6870255" y="3948465"/>
            <a:ext cx="5104613" cy="5491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600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130 G130 B130</a:t>
            </a:r>
            <a:r>
              <a:rPr sz="1600"/>
              <a:t/>
            </a:r>
            <a:br>
              <a:rPr sz="1600"/>
            </a:br>
            <a:r>
              <a:rPr lang="ru-RU" sz="14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плацебо)</a:t>
            </a:r>
          </a:p>
        </p:txBody>
      </p:sp>
      <p:sp>
        <p:nvSpPr>
          <p:cNvPr id="38" name="Rectangle 37"/>
          <p:cNvSpPr/>
          <p:nvPr userDrawn="1"/>
        </p:nvSpPr>
        <p:spPr>
          <a:xfrm>
            <a:off x="6033631" y="4702706"/>
            <a:ext cx="768000" cy="576000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600" b="1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5</a:t>
            </a:r>
          </a:p>
        </p:txBody>
      </p:sp>
      <p:sp>
        <p:nvSpPr>
          <p:cNvPr id="39" name="TextBox 38"/>
          <p:cNvSpPr txBox="1"/>
          <p:nvPr userDrawn="1"/>
        </p:nvSpPr>
        <p:spPr>
          <a:xfrm>
            <a:off x="6870255" y="4710967"/>
            <a:ext cx="5104613" cy="5491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600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143 G48 B137</a:t>
            </a:r>
          </a:p>
          <a:p>
            <a:r>
              <a:rPr lang="ru-RU" sz="14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линаглиптин)</a:t>
            </a:r>
          </a:p>
        </p:txBody>
      </p:sp>
      <p:sp>
        <p:nvSpPr>
          <p:cNvPr id="40" name="Rectangle 39"/>
          <p:cNvSpPr/>
          <p:nvPr userDrawn="1"/>
        </p:nvSpPr>
        <p:spPr>
          <a:xfrm>
            <a:off x="6033631" y="5464630"/>
            <a:ext cx="768000" cy="576000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600" b="1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6</a:t>
            </a:r>
          </a:p>
        </p:txBody>
      </p:sp>
      <p:sp>
        <p:nvSpPr>
          <p:cNvPr id="41" name="TextBox 40"/>
          <p:cNvSpPr txBox="1"/>
          <p:nvPr userDrawn="1"/>
        </p:nvSpPr>
        <p:spPr>
          <a:xfrm>
            <a:off x="6870254" y="5473471"/>
            <a:ext cx="5104612" cy="5491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600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255 G153 B51</a:t>
            </a:r>
            <a:endParaRPr lang="en-GB" sz="1600" b="1"/>
          </a:p>
          <a:p>
            <a:r>
              <a:rPr lang="ru-RU" sz="14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конкурирующие препараты)</a:t>
            </a:r>
          </a:p>
        </p:txBody>
      </p:sp>
      <p:pic>
        <p:nvPicPr>
          <p:cNvPr id="42" name="Picture 4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5623"/>
          <a:stretch>
            <a:fillRect/>
          </a:stretch>
        </p:blipFill>
        <p:spPr>
          <a:xfrm>
            <a:off x="1338777" y="4155163"/>
            <a:ext cx="2472347" cy="1407435"/>
          </a:xfrm>
          <a:prstGeom prst="rect">
            <a:avLst/>
          </a:prstGeom>
        </p:spPr>
      </p:pic>
      <p:sp>
        <p:nvSpPr>
          <p:cNvPr id="43" name="TextBox 42"/>
          <p:cNvSpPr txBox="1"/>
          <p:nvPr userDrawn="1"/>
        </p:nvSpPr>
        <p:spPr>
          <a:xfrm>
            <a:off x="2233585" y="1441913"/>
            <a:ext cx="2935765" cy="7627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6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Текст 1 </a:t>
            </a:r>
            <a:r>
              <a:rPr lang="ru-RU" sz="1600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90 G90 B90</a:t>
            </a:r>
            <a:r>
              <a:rPr sz="1400"/>
              <a:t/>
            </a:r>
            <a:br>
              <a:rPr sz="1400"/>
            </a:br>
            <a:r>
              <a:rPr lang="ru-RU" sz="14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основной текст, оси координат)</a:t>
            </a:r>
          </a:p>
        </p:txBody>
      </p:sp>
      <p:cxnSp>
        <p:nvCxnSpPr>
          <p:cNvPr id="44" name="Straight Connector 43"/>
          <p:cNvCxnSpPr/>
          <p:nvPr userDrawn="1"/>
        </p:nvCxnSpPr>
        <p:spPr>
          <a:xfrm flipH="1" flipV="1">
            <a:off x="2222227" y="1545337"/>
            <a:ext cx="0" cy="2958709"/>
          </a:xfrm>
          <a:prstGeom prst="line">
            <a:avLst/>
          </a:pr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Box 44"/>
          <p:cNvSpPr txBox="1"/>
          <p:nvPr userDrawn="1"/>
        </p:nvSpPr>
        <p:spPr>
          <a:xfrm>
            <a:off x="2472224" y="2749223"/>
            <a:ext cx="2935765" cy="762762"/>
          </a:xfrm>
          <a:prstGeom prst="rect">
            <a:avLst/>
          </a:prstGeom>
          <a:noFill/>
        </p:spPr>
        <p:txBody>
          <a:bodyPr wrap="square" rIns="72000" rtlCol="0">
            <a:spAutoFit/>
          </a:bodyPr>
          <a:lstStyle/>
          <a:p>
            <a:pPr marL="0" marR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defRPr/>
            </a:pPr>
            <a:r>
              <a:rPr lang="ru-RU" sz="1600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R156 G156 B156</a:t>
            </a:r>
            <a:endParaRPr lang="en-GB" sz="1600" b="1">
              <a:solidFill>
                <a:schemeClr val="tx2"/>
              </a:solidFill>
            </a:endParaRPr>
          </a:p>
          <a:p>
            <a:r>
              <a:rPr lang="ru-RU" sz="14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(подстрочные примечания, номера страниц)</a:t>
            </a:r>
          </a:p>
        </p:txBody>
      </p:sp>
      <p:cxnSp>
        <p:nvCxnSpPr>
          <p:cNvPr id="46" name="Straight Connector 45"/>
          <p:cNvCxnSpPr/>
          <p:nvPr userDrawn="1"/>
        </p:nvCxnSpPr>
        <p:spPr>
          <a:xfrm flipV="1">
            <a:off x="2447842" y="2846293"/>
            <a:ext cx="5191" cy="2209561"/>
          </a:xfrm>
          <a:prstGeom prst="line">
            <a:avLst/>
          </a:pr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/>
          <p:cNvCxnSpPr/>
          <p:nvPr userDrawn="1"/>
        </p:nvCxnSpPr>
        <p:spPr>
          <a:xfrm flipH="1">
            <a:off x="2233586" y="5046446"/>
            <a:ext cx="219445" cy="0"/>
          </a:xfrm>
          <a:prstGeom prst="line">
            <a:avLst/>
          </a:prstGeom>
          <a:ln w="25400">
            <a:solidFill>
              <a:schemeClr val="accent2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9" name="Rectangle 48"/>
          <p:cNvSpPr/>
          <p:nvPr userDrawn="1"/>
        </p:nvSpPr>
        <p:spPr>
          <a:xfrm>
            <a:off x="5839757" y="1290246"/>
            <a:ext cx="1003032" cy="33561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1600" b="1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Оттенок</a:t>
            </a:r>
            <a:endParaRPr lang="en-GB" sz="1400"/>
          </a:p>
        </p:txBody>
      </p:sp>
      <p:sp>
        <p:nvSpPr>
          <p:cNvPr id="26" name="Rectangle 25"/>
          <p:cNvSpPr/>
          <p:nvPr userDrawn="1"/>
        </p:nvSpPr>
        <p:spPr>
          <a:xfrm>
            <a:off x="1362731" y="6181852"/>
            <a:ext cx="9466540" cy="504292"/>
          </a:xfrm>
          <a:prstGeom prst="rect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square" lIns="72000" rIns="72000" rtlCol="0" anchor="ctr"/>
          <a:lstStyle/>
          <a:p>
            <a:pPr algn="ctr"/>
            <a:r>
              <a:rPr lang="ru-RU" sz="1400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Цветовая палитра может применяться для маркировки данных, относящихся к дизайну исследования / данных, не относящихся к конкретному препарату</a:t>
            </a:r>
          </a:p>
          <a:p>
            <a:pPr algn="ctr"/>
            <a:r>
              <a:rPr lang="ru-RU" sz="1400" b="0" i="0" strike="noStrike" cap="none" spc="0" baseline="0">
                <a:solidFill>
                  <a:srgbClr val="5A5A5A"/>
                </a:solidFill>
                <a:effectLst/>
                <a:latin typeface="Arial"/>
                <a:ea typeface="Arial"/>
                <a:cs typeface="Arial"/>
              </a:rPr>
              <a:t>Предпочтительный порядок использования: оттенок 1 &gt; оттенок 2 &gt; оттенок 3 &gt; текст 1 &gt; оттенок 5 &gt; оттенок 6</a:t>
            </a:r>
            <a:endParaRPr lang="en-GB" sz="14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52243333"/>
      </p:ext>
    </p:extLst>
  </p:cSld>
  <p:clrMapOvr>
    <a:masterClrMapping/>
  </p:clrMapOvr>
  <p:transition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2283562"/>
      </p:ext>
    </p:extLst>
  </p:cSld>
  <p:clrMapOvr>
    <a:masterClrMapping/>
  </p:clrMapOvr>
  <p:transition/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-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2" name="Groep 71">
            <a:extLst>
              <a:ext uri="{FF2B5EF4-FFF2-40B4-BE49-F238E27FC236}">
                <a16:creationId xmlns="" xmlns:a16="http://schemas.microsoft.com/office/drawing/2014/main" id="{16CFBD88-1455-5C41-B12F-06843AE831D5}"/>
              </a:ext>
            </a:extLst>
          </p:cNvPr>
          <p:cNvGrpSpPr/>
          <p:nvPr userDrawn="1"/>
        </p:nvGrpSpPr>
        <p:grpSpPr>
          <a:xfrm>
            <a:off x="1" y="0"/>
            <a:ext cx="14385052" cy="6858000"/>
            <a:chOff x="0" y="0"/>
            <a:chExt cx="10788789" cy="6858000"/>
          </a:xfrm>
        </p:grpSpPr>
        <p:pic>
          <p:nvPicPr>
            <p:cNvPr id="76" name="Afbeelding 75">
              <a:extLst>
                <a:ext uri="{FF2B5EF4-FFF2-40B4-BE49-F238E27FC236}">
                  <a16:creationId xmlns="" xmlns:a16="http://schemas.microsoft.com/office/drawing/2014/main" id="{8B68D82F-0830-8B4B-8A53-936EC070BD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rcRect r="86352"/>
            <a:stretch>
              <a:fillRect/>
            </a:stretch>
          </p:blipFill>
          <p:spPr>
            <a:xfrm>
              <a:off x="0" y="0"/>
              <a:ext cx="1248014" cy="6858000"/>
            </a:xfrm>
            <a:prstGeom prst="rect">
              <a:avLst/>
            </a:prstGeom>
          </p:spPr>
        </p:pic>
        <p:grpSp>
          <p:nvGrpSpPr>
            <p:cNvPr id="77" name="Groep 76">
              <a:extLst>
                <a:ext uri="{FF2B5EF4-FFF2-40B4-BE49-F238E27FC236}">
                  <a16:creationId xmlns="" xmlns:a16="http://schemas.microsoft.com/office/drawing/2014/main" id="{5307A1C6-AD08-2B4E-9868-7A9571DC199E}"/>
                </a:ext>
              </a:extLst>
            </p:cNvPr>
            <p:cNvGrpSpPr/>
            <p:nvPr userDrawn="1"/>
          </p:nvGrpSpPr>
          <p:grpSpPr>
            <a:xfrm>
              <a:off x="1873636" y="107691"/>
              <a:ext cx="3208515" cy="205630"/>
              <a:chOff x="1873636" y="107691"/>
              <a:chExt cx="3208515" cy="205630"/>
            </a:xfrm>
          </p:grpSpPr>
          <p:grpSp>
            <p:nvGrpSpPr>
              <p:cNvPr id="84" name="Groep 160">
                <a:extLst>
                  <a:ext uri="{FF2B5EF4-FFF2-40B4-BE49-F238E27FC236}">
                    <a16:creationId xmlns="" xmlns:a16="http://schemas.microsoft.com/office/drawing/2014/main" id="{D566772D-EC7A-6143-B393-35C819EAB7A2}"/>
                  </a:ext>
                </a:extLst>
              </p:cNvPr>
              <p:cNvGrpSpPr/>
              <p:nvPr/>
            </p:nvGrpSpPr>
            <p:grpSpPr>
              <a:xfrm>
                <a:off x="1873636" y="107692"/>
                <a:ext cx="736279" cy="205629"/>
                <a:chOff x="2096893" y="107692"/>
                <a:chExt cx="736279" cy="205629"/>
              </a:xfrm>
            </p:grpSpPr>
            <p:sp>
              <p:nvSpPr>
                <p:cNvPr id="109" name="Graphic 30">
                  <a:extLst>
                    <a:ext uri="{FF2B5EF4-FFF2-40B4-BE49-F238E27FC236}">
                      <a16:creationId xmlns="" xmlns:a16="http://schemas.microsoft.com/office/drawing/2014/main" id="{2C733C9A-88E9-8C4A-A406-AA5E8B467CE7}"/>
                    </a:ext>
                  </a:extLst>
                </p:cNvPr>
                <p:cNvSpPr/>
                <p:nvPr/>
              </p:nvSpPr>
              <p:spPr>
                <a:xfrm>
                  <a:off x="2096893" y="107692"/>
                  <a:ext cx="177589" cy="205629"/>
                </a:xfrm>
                <a:custGeom>
                  <a:avLst/>
                  <a:gdLst>
                    <a:gd name="connsiteX0" fmla="*/ 244270 w 241300"/>
                    <a:gd name="connsiteY0" fmla="*/ 279400 h 279400"/>
                    <a:gd name="connsiteX1" fmla="*/ 174478 w 241300"/>
                    <a:gd name="connsiteY1" fmla="*/ 279400 h 279400"/>
                    <a:gd name="connsiteX2" fmla="*/ 174478 w 241300"/>
                    <a:gd name="connsiteY2" fmla="*/ 168478 h 279400"/>
                    <a:gd name="connsiteX3" fmla="*/ 69791 w 241300"/>
                    <a:gd name="connsiteY3" fmla="*/ 168478 h 279400"/>
                    <a:gd name="connsiteX4" fmla="*/ 69791 w 241300"/>
                    <a:gd name="connsiteY4" fmla="*/ 279400 h 279400"/>
                    <a:gd name="connsiteX5" fmla="*/ 0 w 241300"/>
                    <a:gd name="connsiteY5" fmla="*/ 279400 h 279400"/>
                    <a:gd name="connsiteX6" fmla="*/ 0 w 241300"/>
                    <a:gd name="connsiteY6" fmla="*/ 91457 h 279400"/>
                    <a:gd name="connsiteX7" fmla="*/ 122135 w 241300"/>
                    <a:gd name="connsiteY7" fmla="*/ 0 h 279400"/>
                    <a:gd name="connsiteX8" fmla="*/ 244270 w 241300"/>
                    <a:gd name="connsiteY8" fmla="*/ 91457 h 279400"/>
                    <a:gd name="connsiteX9" fmla="*/ 244270 w 241300"/>
                    <a:gd name="connsiteY9" fmla="*/ 279400 h 2794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</a:cxnLst>
                  <a:rect l="l" t="t" r="r" b="b"/>
                  <a:pathLst>
                    <a:path w="241300" h="279400">
                      <a:moveTo>
                        <a:pt x="244270" y="279400"/>
                      </a:moveTo>
                      <a:lnTo>
                        <a:pt x="174478" y="279400"/>
                      </a:lnTo>
                      <a:lnTo>
                        <a:pt x="174478" y="168478"/>
                      </a:lnTo>
                      <a:lnTo>
                        <a:pt x="69791" y="168478"/>
                      </a:lnTo>
                      <a:lnTo>
                        <a:pt x="69791" y="279400"/>
                      </a:lnTo>
                      <a:lnTo>
                        <a:pt x="0" y="279400"/>
                      </a:lnTo>
                      <a:lnTo>
                        <a:pt x="0" y="91457"/>
                      </a:lnTo>
                      <a:lnTo>
                        <a:pt x="122135" y="0"/>
                      </a:lnTo>
                      <a:lnTo>
                        <a:pt x="244270" y="91457"/>
                      </a:lnTo>
                      <a:lnTo>
                        <a:pt x="244270" y="279400"/>
                      </a:lnTo>
                      <a:close/>
                    </a:path>
                  </a:pathLst>
                </a:custGeom>
                <a:solidFill>
                  <a:schemeClr val="bg2"/>
                </a:solidFill>
                <a:ln w="9159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136" name="Tekstvak 135">
                  <a:extLst>
                    <a:ext uri="{FF2B5EF4-FFF2-40B4-BE49-F238E27FC236}">
                      <a16:creationId xmlns="" xmlns:a16="http://schemas.microsoft.com/office/drawing/2014/main" id="{455B98E1-5BD1-074E-B4F8-42D060334C02}"/>
                    </a:ext>
                  </a:extLst>
                </p:cNvPr>
                <p:cNvSpPr txBox="1"/>
                <p:nvPr/>
              </p:nvSpPr>
              <p:spPr>
                <a:xfrm>
                  <a:off x="2407103" y="-56773"/>
                  <a:ext cx="426495" cy="526306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 anchor="ctr" anchorCtr="0">
                  <a:spAutoFit/>
                </a:bodyPr>
                <a:lstStyle/>
                <a:p>
                  <a:r>
                    <a:rPr lang="ru-RU" sz="1150" b="0" i="0" strike="noStrike" cap="none" spc="0" baseline="0">
                      <a:solidFill>
                        <a:srgbClr val="FFFFFF"/>
                      </a:solidFill>
                      <a:effectLst/>
                      <a:latin typeface="Arial"/>
                      <a:ea typeface="Arial"/>
                      <a:cs typeface="Arial"/>
                    </a:rPr>
                    <a:t>Главная страница</a:t>
                  </a:r>
                </a:p>
              </p:txBody>
            </p:sp>
          </p:grpSp>
          <p:grpSp>
            <p:nvGrpSpPr>
              <p:cNvPr id="85" name="Groep 161">
                <a:extLst>
                  <a:ext uri="{FF2B5EF4-FFF2-40B4-BE49-F238E27FC236}">
                    <a16:creationId xmlns="" xmlns:a16="http://schemas.microsoft.com/office/drawing/2014/main" id="{7B74B1CE-5328-AE49-B83A-587BC0ADF72E}"/>
                  </a:ext>
                </a:extLst>
              </p:cNvPr>
              <p:cNvGrpSpPr/>
              <p:nvPr/>
            </p:nvGrpSpPr>
            <p:grpSpPr>
              <a:xfrm>
                <a:off x="2828680" y="107691"/>
                <a:ext cx="1028176" cy="205629"/>
                <a:chOff x="3051937" y="107691"/>
                <a:chExt cx="1028176" cy="205629"/>
              </a:xfrm>
            </p:grpSpPr>
            <p:sp>
              <p:nvSpPr>
                <p:cNvPr id="107" name="Graphic 24">
                  <a:extLst>
                    <a:ext uri="{FF2B5EF4-FFF2-40B4-BE49-F238E27FC236}">
                      <a16:creationId xmlns="" xmlns:a16="http://schemas.microsoft.com/office/drawing/2014/main" id="{6E4D0AC8-01B5-E843-BF92-56B33D0427F4}"/>
                    </a:ext>
                  </a:extLst>
                </p:cNvPr>
                <p:cNvSpPr/>
                <p:nvPr/>
              </p:nvSpPr>
              <p:spPr>
                <a:xfrm>
                  <a:off x="3051937" y="107691"/>
                  <a:ext cx="243017" cy="205629"/>
                </a:xfrm>
                <a:custGeom>
                  <a:avLst/>
                  <a:gdLst>
                    <a:gd name="connsiteX0" fmla="*/ 290953 w 330200"/>
                    <a:gd name="connsiteY0" fmla="*/ 108407 h 279400"/>
                    <a:gd name="connsiteX1" fmla="*/ 290953 w 330200"/>
                    <a:gd name="connsiteY1" fmla="*/ 62679 h 279400"/>
                    <a:gd name="connsiteX2" fmla="*/ 332181 w 330200"/>
                    <a:gd name="connsiteY2" fmla="*/ 62679 h 279400"/>
                    <a:gd name="connsiteX3" fmla="*/ 332181 w 330200"/>
                    <a:gd name="connsiteY3" fmla="*/ 0 h 279400"/>
                    <a:gd name="connsiteX4" fmla="*/ 236989 w 330200"/>
                    <a:gd name="connsiteY4" fmla="*/ 0 h 279400"/>
                    <a:gd name="connsiteX5" fmla="*/ 236989 w 330200"/>
                    <a:gd name="connsiteY5" fmla="*/ 25053 h 279400"/>
                    <a:gd name="connsiteX6" fmla="*/ 213687 w 330200"/>
                    <a:gd name="connsiteY6" fmla="*/ 25053 h 279400"/>
                    <a:gd name="connsiteX7" fmla="*/ 213687 w 330200"/>
                    <a:gd name="connsiteY7" fmla="*/ 0 h 279400"/>
                    <a:gd name="connsiteX8" fmla="*/ 118495 w 330200"/>
                    <a:gd name="connsiteY8" fmla="*/ 0 h 279400"/>
                    <a:gd name="connsiteX9" fmla="*/ 118495 w 330200"/>
                    <a:gd name="connsiteY9" fmla="*/ 25053 h 279400"/>
                    <a:gd name="connsiteX10" fmla="*/ 95192 w 330200"/>
                    <a:gd name="connsiteY10" fmla="*/ 25053 h 279400"/>
                    <a:gd name="connsiteX11" fmla="*/ 95192 w 330200"/>
                    <a:gd name="connsiteY11" fmla="*/ 0 h 279400"/>
                    <a:gd name="connsiteX12" fmla="*/ 0 w 330200"/>
                    <a:gd name="connsiteY12" fmla="*/ 0 h 279400"/>
                    <a:gd name="connsiteX13" fmla="*/ 0 w 330200"/>
                    <a:gd name="connsiteY13" fmla="*/ 62679 h 279400"/>
                    <a:gd name="connsiteX14" fmla="*/ 95192 w 330200"/>
                    <a:gd name="connsiteY14" fmla="*/ 62679 h 279400"/>
                    <a:gd name="connsiteX15" fmla="*/ 95192 w 330200"/>
                    <a:gd name="connsiteY15" fmla="*/ 37626 h 279400"/>
                    <a:gd name="connsiteX16" fmla="*/ 118495 w 330200"/>
                    <a:gd name="connsiteY16" fmla="*/ 37626 h 279400"/>
                    <a:gd name="connsiteX17" fmla="*/ 118495 w 330200"/>
                    <a:gd name="connsiteY17" fmla="*/ 62679 h 279400"/>
                    <a:gd name="connsiteX18" fmla="*/ 159722 w 330200"/>
                    <a:gd name="connsiteY18" fmla="*/ 62679 h 279400"/>
                    <a:gd name="connsiteX19" fmla="*/ 159722 w 330200"/>
                    <a:gd name="connsiteY19" fmla="*/ 108407 h 279400"/>
                    <a:gd name="connsiteX20" fmla="*/ 118495 w 330200"/>
                    <a:gd name="connsiteY20" fmla="*/ 108407 h 279400"/>
                    <a:gd name="connsiteX21" fmla="*/ 118495 w 330200"/>
                    <a:gd name="connsiteY21" fmla="*/ 170993 h 279400"/>
                    <a:gd name="connsiteX22" fmla="*/ 159722 w 330200"/>
                    <a:gd name="connsiteY22" fmla="*/ 170993 h 279400"/>
                    <a:gd name="connsiteX23" fmla="*/ 159722 w 330200"/>
                    <a:gd name="connsiteY23" fmla="*/ 216721 h 279400"/>
                    <a:gd name="connsiteX24" fmla="*/ 118495 w 330200"/>
                    <a:gd name="connsiteY24" fmla="*/ 216721 h 279400"/>
                    <a:gd name="connsiteX25" fmla="*/ 118495 w 330200"/>
                    <a:gd name="connsiteY25" fmla="*/ 279400 h 279400"/>
                    <a:gd name="connsiteX26" fmla="*/ 213687 w 330200"/>
                    <a:gd name="connsiteY26" fmla="*/ 279400 h 279400"/>
                    <a:gd name="connsiteX27" fmla="*/ 213687 w 330200"/>
                    <a:gd name="connsiteY27" fmla="*/ 216721 h 279400"/>
                    <a:gd name="connsiteX28" fmla="*/ 172459 w 330200"/>
                    <a:gd name="connsiteY28" fmla="*/ 216721 h 279400"/>
                    <a:gd name="connsiteX29" fmla="*/ 172459 w 330200"/>
                    <a:gd name="connsiteY29" fmla="*/ 170993 h 279400"/>
                    <a:gd name="connsiteX30" fmla="*/ 213687 w 330200"/>
                    <a:gd name="connsiteY30" fmla="*/ 170993 h 279400"/>
                    <a:gd name="connsiteX31" fmla="*/ 213687 w 330200"/>
                    <a:gd name="connsiteY31" fmla="*/ 108407 h 279400"/>
                    <a:gd name="connsiteX32" fmla="*/ 172459 w 330200"/>
                    <a:gd name="connsiteY32" fmla="*/ 108407 h 279400"/>
                    <a:gd name="connsiteX33" fmla="*/ 172459 w 330200"/>
                    <a:gd name="connsiteY33" fmla="*/ 62679 h 279400"/>
                    <a:gd name="connsiteX34" fmla="*/ 213687 w 330200"/>
                    <a:gd name="connsiteY34" fmla="*/ 62679 h 279400"/>
                    <a:gd name="connsiteX35" fmla="*/ 213687 w 330200"/>
                    <a:gd name="connsiteY35" fmla="*/ 37626 h 279400"/>
                    <a:gd name="connsiteX36" fmla="*/ 236989 w 330200"/>
                    <a:gd name="connsiteY36" fmla="*/ 37626 h 279400"/>
                    <a:gd name="connsiteX37" fmla="*/ 236989 w 330200"/>
                    <a:gd name="connsiteY37" fmla="*/ 62679 h 279400"/>
                    <a:gd name="connsiteX38" fmla="*/ 278217 w 330200"/>
                    <a:gd name="connsiteY38" fmla="*/ 62679 h 279400"/>
                    <a:gd name="connsiteX39" fmla="*/ 278217 w 330200"/>
                    <a:gd name="connsiteY39" fmla="*/ 108407 h 279400"/>
                    <a:gd name="connsiteX40" fmla="*/ 236989 w 330200"/>
                    <a:gd name="connsiteY40" fmla="*/ 108407 h 279400"/>
                    <a:gd name="connsiteX41" fmla="*/ 236989 w 330200"/>
                    <a:gd name="connsiteY41" fmla="*/ 170993 h 279400"/>
                    <a:gd name="connsiteX42" fmla="*/ 332181 w 330200"/>
                    <a:gd name="connsiteY42" fmla="*/ 170993 h 279400"/>
                    <a:gd name="connsiteX43" fmla="*/ 332181 w 330200"/>
                    <a:gd name="connsiteY43" fmla="*/ 108407 h 279400"/>
                    <a:gd name="connsiteX44" fmla="*/ 290953 w 330200"/>
                    <a:gd name="connsiteY44" fmla="*/ 108407 h 2794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</a:cxnLst>
                  <a:rect l="l" t="t" r="r" b="b"/>
                  <a:pathLst>
                    <a:path w="330200" h="279400">
                      <a:moveTo>
                        <a:pt x="290953" y="108407"/>
                      </a:moveTo>
                      <a:lnTo>
                        <a:pt x="290953" y="62679"/>
                      </a:lnTo>
                      <a:lnTo>
                        <a:pt x="332181" y="62679"/>
                      </a:lnTo>
                      <a:lnTo>
                        <a:pt x="332181" y="0"/>
                      </a:lnTo>
                      <a:lnTo>
                        <a:pt x="236989" y="0"/>
                      </a:lnTo>
                      <a:lnTo>
                        <a:pt x="236989" y="25053"/>
                      </a:lnTo>
                      <a:lnTo>
                        <a:pt x="213687" y="25053"/>
                      </a:lnTo>
                      <a:lnTo>
                        <a:pt x="213687" y="0"/>
                      </a:lnTo>
                      <a:lnTo>
                        <a:pt x="118495" y="0"/>
                      </a:lnTo>
                      <a:lnTo>
                        <a:pt x="118495" y="25053"/>
                      </a:lnTo>
                      <a:lnTo>
                        <a:pt x="95192" y="25053"/>
                      </a:lnTo>
                      <a:lnTo>
                        <a:pt x="95192" y="0"/>
                      </a:lnTo>
                      <a:lnTo>
                        <a:pt x="0" y="0"/>
                      </a:lnTo>
                      <a:lnTo>
                        <a:pt x="0" y="62679"/>
                      </a:lnTo>
                      <a:lnTo>
                        <a:pt x="95192" y="62679"/>
                      </a:lnTo>
                      <a:lnTo>
                        <a:pt x="95192" y="37626"/>
                      </a:lnTo>
                      <a:lnTo>
                        <a:pt x="118495" y="37626"/>
                      </a:lnTo>
                      <a:lnTo>
                        <a:pt x="118495" y="62679"/>
                      </a:lnTo>
                      <a:lnTo>
                        <a:pt x="159722" y="62679"/>
                      </a:lnTo>
                      <a:lnTo>
                        <a:pt x="159722" y="108407"/>
                      </a:lnTo>
                      <a:lnTo>
                        <a:pt x="118495" y="108407"/>
                      </a:lnTo>
                      <a:lnTo>
                        <a:pt x="118495" y="170993"/>
                      </a:lnTo>
                      <a:lnTo>
                        <a:pt x="159722" y="170993"/>
                      </a:lnTo>
                      <a:lnTo>
                        <a:pt x="159722" y="216721"/>
                      </a:lnTo>
                      <a:lnTo>
                        <a:pt x="118495" y="216721"/>
                      </a:lnTo>
                      <a:lnTo>
                        <a:pt x="118495" y="279400"/>
                      </a:lnTo>
                      <a:lnTo>
                        <a:pt x="213687" y="279400"/>
                      </a:lnTo>
                      <a:lnTo>
                        <a:pt x="213687" y="216721"/>
                      </a:lnTo>
                      <a:lnTo>
                        <a:pt x="172459" y="216721"/>
                      </a:lnTo>
                      <a:lnTo>
                        <a:pt x="172459" y="170993"/>
                      </a:lnTo>
                      <a:lnTo>
                        <a:pt x="213687" y="170993"/>
                      </a:lnTo>
                      <a:lnTo>
                        <a:pt x="213687" y="108407"/>
                      </a:lnTo>
                      <a:lnTo>
                        <a:pt x="172459" y="108407"/>
                      </a:lnTo>
                      <a:lnTo>
                        <a:pt x="172459" y="62679"/>
                      </a:lnTo>
                      <a:lnTo>
                        <a:pt x="213687" y="62679"/>
                      </a:lnTo>
                      <a:lnTo>
                        <a:pt x="213687" y="37626"/>
                      </a:lnTo>
                      <a:lnTo>
                        <a:pt x="236989" y="37626"/>
                      </a:lnTo>
                      <a:lnTo>
                        <a:pt x="236989" y="62679"/>
                      </a:lnTo>
                      <a:lnTo>
                        <a:pt x="278217" y="62679"/>
                      </a:lnTo>
                      <a:lnTo>
                        <a:pt x="278217" y="108407"/>
                      </a:lnTo>
                      <a:lnTo>
                        <a:pt x="236989" y="108407"/>
                      </a:lnTo>
                      <a:lnTo>
                        <a:pt x="236989" y="170993"/>
                      </a:lnTo>
                      <a:lnTo>
                        <a:pt x="332181" y="170993"/>
                      </a:lnTo>
                      <a:lnTo>
                        <a:pt x="332181" y="108407"/>
                      </a:lnTo>
                      <a:lnTo>
                        <a:pt x="290953" y="108407"/>
                      </a:lnTo>
                      <a:close/>
                    </a:path>
                  </a:pathLst>
                </a:custGeom>
                <a:solidFill>
                  <a:schemeClr val="bg2"/>
                </a:solidFill>
                <a:ln w="9253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108" name="Tekstvak 107">
                  <a:extLst>
                    <a:ext uri="{FF2B5EF4-FFF2-40B4-BE49-F238E27FC236}">
                      <a16:creationId xmlns="" xmlns:a16="http://schemas.microsoft.com/office/drawing/2014/main" id="{5429A531-8C5C-A744-8F4D-E652FD9DECCE}"/>
                    </a:ext>
                  </a:extLst>
                </p:cNvPr>
                <p:cNvSpPr txBox="1"/>
                <p:nvPr/>
              </p:nvSpPr>
              <p:spPr>
                <a:xfrm>
                  <a:off x="3416682" y="118662"/>
                  <a:ext cx="664094" cy="17543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 anchor="ctr" anchorCtr="0">
                  <a:spAutoFit/>
                </a:bodyPr>
                <a:lstStyle/>
                <a:p>
                  <a:r>
                    <a:rPr lang="ru-RU" sz="1150" b="0" i="0" strike="noStrike" cap="none" spc="0" baseline="0">
                      <a:solidFill>
                        <a:srgbClr val="FFFFFF"/>
                      </a:solidFill>
                      <a:effectLst/>
                      <a:latin typeface="Arial"/>
                      <a:ea typeface="Arial"/>
                      <a:cs typeface="Arial"/>
                    </a:rPr>
                    <a:t>Карта сайта</a:t>
                  </a:r>
                </a:p>
              </p:txBody>
            </p:sp>
          </p:grpSp>
          <p:grpSp>
            <p:nvGrpSpPr>
              <p:cNvPr id="86" name="Groep 162">
                <a:extLst>
                  <a:ext uri="{FF2B5EF4-FFF2-40B4-BE49-F238E27FC236}">
                    <a16:creationId xmlns="" xmlns:a16="http://schemas.microsoft.com/office/drawing/2014/main" id="{65654D92-92D4-734D-A47E-53D4A64D85D7}"/>
                  </a:ext>
                </a:extLst>
              </p:cNvPr>
              <p:cNvGrpSpPr/>
              <p:nvPr/>
            </p:nvGrpSpPr>
            <p:grpSpPr>
              <a:xfrm>
                <a:off x="3983440" y="107691"/>
                <a:ext cx="1098711" cy="205629"/>
                <a:chOff x="4325235" y="107691"/>
                <a:chExt cx="1098711" cy="205629"/>
              </a:xfrm>
            </p:grpSpPr>
            <p:sp>
              <p:nvSpPr>
                <p:cNvPr id="103" name="Graphic 13">
                  <a:extLst>
                    <a:ext uri="{FF2B5EF4-FFF2-40B4-BE49-F238E27FC236}">
                      <a16:creationId xmlns="" xmlns:a16="http://schemas.microsoft.com/office/drawing/2014/main" id="{DFD82BF5-1EE7-6C4E-8BE4-11A3B08EAF47}"/>
                    </a:ext>
                  </a:extLst>
                </p:cNvPr>
                <p:cNvSpPr/>
                <p:nvPr/>
              </p:nvSpPr>
              <p:spPr>
                <a:xfrm>
                  <a:off x="4325235" y="107691"/>
                  <a:ext cx="217526" cy="205629"/>
                </a:xfrm>
                <a:custGeom>
                  <a:avLst/>
                  <a:gdLst>
                    <a:gd name="connsiteX0" fmla="*/ 203200 w 295563"/>
                    <a:gd name="connsiteY0" fmla="*/ 254068 h 279400"/>
                    <a:gd name="connsiteX1" fmla="*/ 149537 w 295563"/>
                    <a:gd name="connsiteY1" fmla="*/ 219981 h 279400"/>
                    <a:gd name="connsiteX2" fmla="*/ 96797 w 295563"/>
                    <a:gd name="connsiteY2" fmla="*/ 255372 h 279400"/>
                    <a:gd name="connsiteX3" fmla="*/ 112314 w 295563"/>
                    <a:gd name="connsiteY3" fmla="*/ 193345 h 279400"/>
                    <a:gd name="connsiteX4" fmla="*/ 62253 w 295563"/>
                    <a:gd name="connsiteY4" fmla="*/ 153670 h 279400"/>
                    <a:gd name="connsiteX5" fmla="*/ 125522 w 295563"/>
                    <a:gd name="connsiteY5" fmla="*/ 149479 h 279400"/>
                    <a:gd name="connsiteX6" fmla="*/ 147782 w 295563"/>
                    <a:gd name="connsiteY6" fmla="*/ 89501 h 279400"/>
                    <a:gd name="connsiteX7" fmla="*/ 171150 w 295563"/>
                    <a:gd name="connsiteY7" fmla="*/ 149013 h 279400"/>
                    <a:gd name="connsiteX8" fmla="*/ 234511 w 295563"/>
                    <a:gd name="connsiteY8" fmla="*/ 151714 h 279400"/>
                    <a:gd name="connsiteX9" fmla="*/ 185836 w 295563"/>
                    <a:gd name="connsiteY9" fmla="*/ 192600 h 279400"/>
                    <a:gd name="connsiteX10" fmla="*/ 108435 w 295563"/>
                    <a:gd name="connsiteY10" fmla="*/ 24308 h 279400"/>
                    <a:gd name="connsiteX11" fmla="*/ 192763 w 295563"/>
                    <a:gd name="connsiteY11" fmla="*/ 24308 h 279400"/>
                    <a:gd name="connsiteX12" fmla="*/ 192763 w 295563"/>
                    <a:gd name="connsiteY12" fmla="*/ 60723 h 279400"/>
                    <a:gd name="connsiteX13" fmla="*/ 108435 w 295563"/>
                    <a:gd name="connsiteY13" fmla="*/ 60723 h 279400"/>
                    <a:gd name="connsiteX14" fmla="*/ 228508 w 295563"/>
                    <a:gd name="connsiteY14" fmla="*/ 60723 h 279400"/>
                    <a:gd name="connsiteX15" fmla="*/ 228508 w 295563"/>
                    <a:gd name="connsiteY15" fmla="*/ 0 h 279400"/>
                    <a:gd name="connsiteX16" fmla="*/ 71489 w 295563"/>
                    <a:gd name="connsiteY16" fmla="*/ 0 h 279400"/>
                    <a:gd name="connsiteX17" fmla="*/ 71489 w 295563"/>
                    <a:gd name="connsiteY17" fmla="*/ 60723 h 279400"/>
                    <a:gd name="connsiteX18" fmla="*/ 0 w 295563"/>
                    <a:gd name="connsiteY18" fmla="*/ 60723 h 279400"/>
                    <a:gd name="connsiteX19" fmla="*/ 0 w 295563"/>
                    <a:gd name="connsiteY19" fmla="*/ 279400 h 279400"/>
                    <a:gd name="connsiteX20" fmla="*/ 301198 w 295563"/>
                    <a:gd name="connsiteY20" fmla="*/ 279400 h 279400"/>
                    <a:gd name="connsiteX21" fmla="*/ 301198 w 295563"/>
                    <a:gd name="connsiteY21" fmla="*/ 60723 h 2794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</a:cxnLst>
                  <a:rect l="l" t="t" r="r" b="b"/>
                  <a:pathLst>
                    <a:path w="295563" h="279400">
                      <a:moveTo>
                        <a:pt x="203200" y="254068"/>
                      </a:moveTo>
                      <a:lnTo>
                        <a:pt x="149537" y="219981"/>
                      </a:lnTo>
                      <a:lnTo>
                        <a:pt x="96797" y="255372"/>
                      </a:lnTo>
                      <a:lnTo>
                        <a:pt x="112314" y="193345"/>
                      </a:lnTo>
                      <a:lnTo>
                        <a:pt x="62253" y="153670"/>
                      </a:lnTo>
                      <a:lnTo>
                        <a:pt x="125522" y="149479"/>
                      </a:lnTo>
                      <a:lnTo>
                        <a:pt x="147782" y="89501"/>
                      </a:lnTo>
                      <a:lnTo>
                        <a:pt x="171150" y="149013"/>
                      </a:lnTo>
                      <a:lnTo>
                        <a:pt x="234511" y="151714"/>
                      </a:lnTo>
                      <a:lnTo>
                        <a:pt x="185836" y="192600"/>
                      </a:lnTo>
                      <a:close/>
                      <a:moveTo>
                        <a:pt x="108435" y="24308"/>
                      </a:moveTo>
                      <a:lnTo>
                        <a:pt x="192763" y="24308"/>
                      </a:lnTo>
                      <a:lnTo>
                        <a:pt x="192763" y="60723"/>
                      </a:lnTo>
                      <a:lnTo>
                        <a:pt x="108435" y="60723"/>
                      </a:lnTo>
                      <a:close/>
                      <a:moveTo>
                        <a:pt x="228508" y="60723"/>
                      </a:moveTo>
                      <a:lnTo>
                        <a:pt x="228508" y="0"/>
                      </a:lnTo>
                      <a:lnTo>
                        <a:pt x="71489" y="0"/>
                      </a:lnTo>
                      <a:lnTo>
                        <a:pt x="71489" y="60723"/>
                      </a:lnTo>
                      <a:lnTo>
                        <a:pt x="0" y="60723"/>
                      </a:lnTo>
                      <a:lnTo>
                        <a:pt x="0" y="279400"/>
                      </a:lnTo>
                      <a:lnTo>
                        <a:pt x="301198" y="279400"/>
                      </a:lnTo>
                      <a:lnTo>
                        <a:pt x="301198" y="60723"/>
                      </a:lnTo>
                      <a:close/>
                    </a:path>
                  </a:pathLst>
                </a:custGeom>
                <a:solidFill>
                  <a:schemeClr val="bg2"/>
                </a:solidFill>
                <a:ln w="9236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104" name="Tekstvak 103">
                  <a:extLst>
                    <a:ext uri="{FF2B5EF4-FFF2-40B4-BE49-F238E27FC236}">
                      <a16:creationId xmlns="" xmlns:a16="http://schemas.microsoft.com/office/drawing/2014/main" id="{D82867CC-BD86-9A41-93A3-AC3084D91B85}"/>
                    </a:ext>
                  </a:extLst>
                </p:cNvPr>
                <p:cNvSpPr txBox="1"/>
                <p:nvPr/>
              </p:nvSpPr>
              <p:spPr>
                <a:xfrm>
                  <a:off x="4667609" y="118662"/>
                  <a:ext cx="757094" cy="17543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 anchor="ctr" anchorCtr="0">
                  <a:spAutoFit/>
                </a:bodyPr>
                <a:lstStyle/>
                <a:p>
                  <a:r>
                    <a:rPr lang="ru-RU" sz="1150" b="0" i="0" strike="noStrike" cap="none" spc="0" baseline="0">
                      <a:solidFill>
                        <a:srgbClr val="FFFFFF"/>
                      </a:solidFill>
                      <a:effectLst/>
                      <a:latin typeface="Arial"/>
                      <a:ea typeface="Arial"/>
                      <a:cs typeface="Arial"/>
                    </a:rPr>
                    <a:t>Ресурсы</a:t>
                  </a:r>
                </a:p>
              </p:txBody>
            </p:sp>
          </p:grpSp>
        </p:grpSp>
        <p:grpSp>
          <p:nvGrpSpPr>
            <p:cNvPr id="78" name="Groep 77">
              <a:extLst>
                <a:ext uri="{FF2B5EF4-FFF2-40B4-BE49-F238E27FC236}">
                  <a16:creationId xmlns="" xmlns:a16="http://schemas.microsoft.com/office/drawing/2014/main" id="{2D1A90E9-D0FD-0C43-BA11-D3777E25B45D}"/>
                </a:ext>
              </a:extLst>
            </p:cNvPr>
            <p:cNvGrpSpPr/>
            <p:nvPr userDrawn="1"/>
          </p:nvGrpSpPr>
          <p:grpSpPr>
            <a:xfrm>
              <a:off x="9394488" y="107691"/>
              <a:ext cx="1394301" cy="198775"/>
              <a:chOff x="8932829" y="107691"/>
              <a:chExt cx="1394301" cy="198775"/>
            </a:xfrm>
          </p:grpSpPr>
          <p:grpSp>
            <p:nvGrpSpPr>
              <p:cNvPr id="79" name="Graphic 53">
                <a:extLst>
                  <a:ext uri="{FF2B5EF4-FFF2-40B4-BE49-F238E27FC236}">
                    <a16:creationId xmlns="" xmlns:a16="http://schemas.microsoft.com/office/drawing/2014/main" id="{079A38A2-2D0F-ED48-A265-041AEAF65279}"/>
                  </a:ext>
                </a:extLst>
              </p:cNvPr>
              <p:cNvGrpSpPr/>
              <p:nvPr userDrawn="1"/>
            </p:nvGrpSpPr>
            <p:grpSpPr>
              <a:xfrm>
                <a:off x="8932829" y="107691"/>
                <a:ext cx="271057" cy="198775"/>
                <a:chOff x="4387850" y="3289432"/>
                <a:chExt cx="368300" cy="270087"/>
              </a:xfrm>
              <a:solidFill>
                <a:schemeClr val="tx2"/>
              </a:solidFill>
            </p:grpSpPr>
            <p:sp>
              <p:nvSpPr>
                <p:cNvPr id="81" name="Vrije vorm 80">
                  <a:extLst>
                    <a:ext uri="{FF2B5EF4-FFF2-40B4-BE49-F238E27FC236}">
                      <a16:creationId xmlns="" xmlns:a16="http://schemas.microsoft.com/office/drawing/2014/main" id="{DF42D229-3239-0845-82B7-943BEFBC2A4B}"/>
                    </a:ext>
                  </a:extLst>
                </p:cNvPr>
                <p:cNvSpPr/>
                <p:nvPr/>
              </p:nvSpPr>
              <p:spPr>
                <a:xfrm>
                  <a:off x="4387850" y="3334283"/>
                  <a:ext cx="84992" cy="176953"/>
                </a:xfrm>
                <a:custGeom>
                  <a:avLst/>
                  <a:gdLst>
                    <a:gd name="connsiteX0" fmla="*/ 33430 w 84992"/>
                    <a:gd name="connsiteY0" fmla="*/ 92947 h 176953"/>
                    <a:gd name="connsiteX1" fmla="*/ 94247 w 84992"/>
                    <a:gd name="connsiteY1" fmla="*/ 32969 h 176953"/>
                    <a:gd name="connsiteX2" fmla="*/ 94247 w 84992"/>
                    <a:gd name="connsiteY2" fmla="*/ 0 h 176953"/>
                    <a:gd name="connsiteX3" fmla="*/ 0 w 84992"/>
                    <a:gd name="connsiteY3" fmla="*/ 92947 h 176953"/>
                    <a:gd name="connsiteX4" fmla="*/ 94247 w 84992"/>
                    <a:gd name="connsiteY4" fmla="*/ 185894 h 176953"/>
                    <a:gd name="connsiteX5" fmla="*/ 94247 w 84992"/>
                    <a:gd name="connsiteY5" fmla="*/ 152925 h 176953"/>
                    <a:gd name="connsiteX6" fmla="*/ 33430 w 84992"/>
                    <a:gd name="connsiteY6" fmla="*/ 92947 h 17695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</a:cxnLst>
                  <a:rect l="l" t="t" r="r" b="b"/>
                  <a:pathLst>
                    <a:path w="84992" h="176953">
                      <a:moveTo>
                        <a:pt x="33430" y="92947"/>
                      </a:moveTo>
                      <a:lnTo>
                        <a:pt x="94247" y="32969"/>
                      </a:lnTo>
                      <a:lnTo>
                        <a:pt x="94247" y="0"/>
                      </a:lnTo>
                      <a:lnTo>
                        <a:pt x="0" y="92947"/>
                      </a:lnTo>
                      <a:lnTo>
                        <a:pt x="94247" y="185894"/>
                      </a:lnTo>
                      <a:lnTo>
                        <a:pt x="94247" y="152925"/>
                      </a:lnTo>
                      <a:lnTo>
                        <a:pt x="33430" y="92947"/>
                      </a:lnTo>
                      <a:close/>
                    </a:path>
                  </a:pathLst>
                </a:custGeom>
                <a:grpFill/>
                <a:ln w="9281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82" name="Vrije vorm 81">
                  <a:extLst>
                    <a:ext uri="{FF2B5EF4-FFF2-40B4-BE49-F238E27FC236}">
                      <a16:creationId xmlns="" xmlns:a16="http://schemas.microsoft.com/office/drawing/2014/main" id="{C2B1D47E-2523-2649-AE53-D23EDAE9F273}"/>
                    </a:ext>
                  </a:extLst>
                </p:cNvPr>
                <p:cNvSpPr/>
                <p:nvPr/>
              </p:nvSpPr>
              <p:spPr>
                <a:xfrm>
                  <a:off x="4477186" y="3289432"/>
                  <a:ext cx="273864" cy="121073"/>
                </a:xfrm>
                <a:custGeom>
                  <a:avLst/>
                  <a:gdLst>
                    <a:gd name="connsiteX0" fmla="*/ 196804 w 273864"/>
                    <a:gd name="connsiteY0" fmla="*/ 99334 h 121073"/>
                    <a:gd name="connsiteX1" fmla="*/ 54112 w 273864"/>
                    <a:gd name="connsiteY1" fmla="*/ 99334 h 121073"/>
                    <a:gd name="connsiteX2" fmla="*/ 205213 w 273864"/>
                    <a:gd name="connsiteY2" fmla="*/ 30271 h 121073"/>
                    <a:gd name="connsiteX3" fmla="*/ 264987 w 273864"/>
                    <a:gd name="connsiteY3" fmla="*/ 78472 h 121073"/>
                    <a:gd name="connsiteX4" fmla="*/ 282174 w 273864"/>
                    <a:gd name="connsiteY4" fmla="*/ 61522 h 121073"/>
                    <a:gd name="connsiteX5" fmla="*/ 85502 w 273864"/>
                    <a:gd name="connsiteY5" fmla="*/ 23947 h 121073"/>
                    <a:gd name="connsiteX6" fmla="*/ 29181 w 273864"/>
                    <a:gd name="connsiteY6" fmla="*/ 99334 h 121073"/>
                    <a:gd name="connsiteX7" fmla="*/ 0 w 273864"/>
                    <a:gd name="connsiteY7" fmla="*/ 99334 h 121073"/>
                    <a:gd name="connsiteX8" fmla="*/ 0 w 273864"/>
                    <a:gd name="connsiteY8" fmla="*/ 122617 h 121073"/>
                    <a:gd name="connsiteX9" fmla="*/ 196804 w 273864"/>
                    <a:gd name="connsiteY9" fmla="*/ 122617 h 12107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</a:cxnLst>
                  <a:rect l="l" t="t" r="r" b="b"/>
                  <a:pathLst>
                    <a:path w="273864" h="121072">
                      <a:moveTo>
                        <a:pt x="196804" y="99334"/>
                      </a:moveTo>
                      <a:lnTo>
                        <a:pt x="54112" y="99334"/>
                      </a:lnTo>
                      <a:cubicBezTo>
                        <a:pt x="76499" y="39113"/>
                        <a:pt x="144149" y="8192"/>
                        <a:pt x="205213" y="30271"/>
                      </a:cubicBezTo>
                      <a:cubicBezTo>
                        <a:pt x="230064" y="39257"/>
                        <a:pt x="251121" y="56237"/>
                        <a:pt x="264987" y="78472"/>
                      </a:cubicBezTo>
                      <a:lnTo>
                        <a:pt x="282174" y="61522"/>
                      </a:lnTo>
                      <a:cubicBezTo>
                        <a:pt x="238386" y="-2415"/>
                        <a:pt x="150333" y="-19238"/>
                        <a:pt x="85502" y="23947"/>
                      </a:cubicBezTo>
                      <a:cubicBezTo>
                        <a:pt x="58493" y="41938"/>
                        <a:pt x="38601" y="68563"/>
                        <a:pt x="29181" y="99334"/>
                      </a:cubicBezTo>
                      <a:lnTo>
                        <a:pt x="0" y="99334"/>
                      </a:lnTo>
                      <a:lnTo>
                        <a:pt x="0" y="122617"/>
                      </a:lnTo>
                      <a:lnTo>
                        <a:pt x="196804" y="122617"/>
                      </a:lnTo>
                      <a:close/>
                    </a:path>
                  </a:pathLst>
                </a:custGeom>
                <a:grpFill/>
                <a:ln w="9281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83" name="Vrije vorm 82">
                  <a:extLst>
                    <a:ext uri="{FF2B5EF4-FFF2-40B4-BE49-F238E27FC236}">
                      <a16:creationId xmlns="" xmlns:a16="http://schemas.microsoft.com/office/drawing/2014/main" id="{AC0FCDCE-DAD2-B24F-89D6-031F9231C722}"/>
                    </a:ext>
                  </a:extLst>
                </p:cNvPr>
                <p:cNvSpPr/>
                <p:nvPr/>
              </p:nvSpPr>
              <p:spPr>
                <a:xfrm>
                  <a:off x="4477186" y="3445950"/>
                  <a:ext cx="283308" cy="121073"/>
                </a:xfrm>
                <a:custGeom>
                  <a:avLst/>
                  <a:gdLst>
                    <a:gd name="connsiteX0" fmla="*/ 266404 w 283307"/>
                    <a:gd name="connsiteY0" fmla="*/ 41910 h 121073"/>
                    <a:gd name="connsiteX1" fmla="*/ 105336 w 283307"/>
                    <a:gd name="connsiteY1" fmla="*/ 83668 h 121073"/>
                    <a:gd name="connsiteX2" fmla="*/ 54112 w 283307"/>
                    <a:gd name="connsiteY2" fmla="*/ 23283 h 121073"/>
                    <a:gd name="connsiteX3" fmla="*/ 196804 w 283307"/>
                    <a:gd name="connsiteY3" fmla="*/ 23283 h 121073"/>
                    <a:gd name="connsiteX4" fmla="*/ 196804 w 283307"/>
                    <a:gd name="connsiteY4" fmla="*/ 0 h 121073"/>
                    <a:gd name="connsiteX5" fmla="*/ 0 w 283307"/>
                    <a:gd name="connsiteY5" fmla="*/ 0 h 121073"/>
                    <a:gd name="connsiteX6" fmla="*/ 0 w 283307"/>
                    <a:gd name="connsiteY6" fmla="*/ 23283 h 121073"/>
                    <a:gd name="connsiteX7" fmla="*/ 29181 w 283307"/>
                    <a:gd name="connsiteY7" fmla="*/ 23283 h 121073"/>
                    <a:gd name="connsiteX8" fmla="*/ 205794 w 283307"/>
                    <a:gd name="connsiteY8" fmla="*/ 116528 h 121073"/>
                    <a:gd name="connsiteX9" fmla="*/ 283591 w 283307"/>
                    <a:gd name="connsiteY9" fmla="*/ 58860 h 12107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</a:cxnLst>
                  <a:rect l="l" t="t" r="r" b="b"/>
                  <a:pathLst>
                    <a:path w="283307" h="121072">
                      <a:moveTo>
                        <a:pt x="266404" y="41910"/>
                      </a:moveTo>
                      <a:cubicBezTo>
                        <a:pt x="233619" y="97305"/>
                        <a:pt x="161506" y="116001"/>
                        <a:pt x="105336" y="83668"/>
                      </a:cubicBezTo>
                      <a:cubicBezTo>
                        <a:pt x="81653" y="70036"/>
                        <a:pt x="63537" y="48679"/>
                        <a:pt x="54112" y="23283"/>
                      </a:cubicBezTo>
                      <a:lnTo>
                        <a:pt x="196804" y="23283"/>
                      </a:lnTo>
                      <a:lnTo>
                        <a:pt x="196804" y="0"/>
                      </a:lnTo>
                      <a:lnTo>
                        <a:pt x="0" y="0"/>
                      </a:lnTo>
                      <a:lnTo>
                        <a:pt x="0" y="23283"/>
                      </a:lnTo>
                      <a:lnTo>
                        <a:pt x="29181" y="23283"/>
                      </a:lnTo>
                      <a:cubicBezTo>
                        <a:pt x="51842" y="97130"/>
                        <a:pt x="130914" y="138877"/>
                        <a:pt x="205794" y="116528"/>
                      </a:cubicBezTo>
                      <a:cubicBezTo>
                        <a:pt x="237818" y="106970"/>
                        <a:pt x="265378" y="86541"/>
                        <a:pt x="283591" y="58860"/>
                      </a:cubicBezTo>
                      <a:close/>
                    </a:path>
                  </a:pathLst>
                </a:custGeom>
                <a:grpFill/>
                <a:ln w="9281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</p:grpSp>
          <p:sp>
            <p:nvSpPr>
              <p:cNvPr id="80" name="Tekstvak 79">
                <a:extLst>
                  <a:ext uri="{FF2B5EF4-FFF2-40B4-BE49-F238E27FC236}">
                    <a16:creationId xmlns="" xmlns:a16="http://schemas.microsoft.com/office/drawing/2014/main" id="{C51E2146-DF16-2F4A-BFBA-024427446D20}"/>
                  </a:ext>
                </a:extLst>
              </p:cNvPr>
              <p:cNvSpPr txBox="1"/>
              <p:nvPr userDrawn="1"/>
            </p:nvSpPr>
            <p:spPr>
              <a:xfrm>
                <a:off x="9276434" y="118662"/>
                <a:ext cx="1051747" cy="17543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5A5A5A"/>
                    </a:solidFill>
                    <a:effectLst/>
                    <a:latin typeface="Arial"/>
                    <a:ea typeface="Arial"/>
                    <a:cs typeface="Arial"/>
                  </a:rPr>
                  <a:t>Реимбурсация</a:t>
                </a:r>
              </a:p>
            </p:txBody>
          </p:sp>
        </p:grpSp>
      </p:grpSp>
      <p:sp>
        <p:nvSpPr>
          <p:cNvPr id="113" name="Vrije vorm 95">
            <a:extLst>
              <a:ext uri="{FF2B5EF4-FFF2-40B4-BE49-F238E27FC236}">
                <a16:creationId xmlns="" xmlns:a16="http://schemas.microsoft.com/office/drawing/2014/main" id="{8C150634-D620-4427-BCBC-BEF6D2C1FED2}"/>
              </a:ext>
            </a:extLst>
          </p:cNvPr>
          <p:cNvSpPr/>
          <p:nvPr userDrawn="1"/>
        </p:nvSpPr>
        <p:spPr>
          <a:xfrm>
            <a:off x="8737951" y="193663"/>
            <a:ext cx="224323" cy="116524"/>
          </a:xfrm>
          <a:custGeom>
            <a:avLst/>
            <a:gdLst>
              <a:gd name="connsiteX0" fmla="*/ 210952 w 228600"/>
              <a:gd name="connsiteY0" fmla="*/ 167267 h 158326"/>
              <a:gd name="connsiteX1" fmla="*/ 18197 w 228600"/>
              <a:gd name="connsiteY1" fmla="*/ 167267 h 158326"/>
              <a:gd name="connsiteX2" fmla="*/ 50932 w 228600"/>
              <a:gd name="connsiteY2" fmla="*/ 101795 h 158326"/>
              <a:gd name="connsiteX3" fmla="*/ 0 w 228600"/>
              <a:gd name="connsiteY3" fmla="*/ 0 h 158326"/>
              <a:gd name="connsiteX4" fmla="*/ 229149 w 228600"/>
              <a:gd name="connsiteY4" fmla="*/ 0 h 158326"/>
              <a:gd name="connsiteX5" fmla="*/ 178308 w 228600"/>
              <a:gd name="connsiteY5" fmla="*/ 101236 h 158326"/>
              <a:gd name="connsiteX6" fmla="*/ 210952 w 228600"/>
              <a:gd name="connsiteY6" fmla="*/ 167267 h 1583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28600" h="158326">
                <a:moveTo>
                  <a:pt x="210952" y="167267"/>
                </a:moveTo>
                <a:lnTo>
                  <a:pt x="18197" y="167267"/>
                </a:lnTo>
                <a:lnTo>
                  <a:pt x="50932" y="101795"/>
                </a:lnTo>
                <a:lnTo>
                  <a:pt x="0" y="0"/>
                </a:lnTo>
                <a:lnTo>
                  <a:pt x="229149" y="0"/>
                </a:lnTo>
                <a:lnTo>
                  <a:pt x="178308" y="101236"/>
                </a:lnTo>
                <a:lnTo>
                  <a:pt x="210952" y="167267"/>
                </a:lnTo>
                <a:close/>
              </a:path>
            </a:pathLst>
          </a:custGeom>
          <a:solidFill>
            <a:schemeClr val="bg1"/>
          </a:solidFill>
          <a:ln w="9144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14" name="Vrije vorm 96">
            <a:extLst>
              <a:ext uri="{FF2B5EF4-FFF2-40B4-BE49-F238E27FC236}">
                <a16:creationId xmlns="" xmlns:a16="http://schemas.microsoft.com/office/drawing/2014/main" id="{744D1DE1-0AC6-4A47-AD2A-1F35B4C4B22F}"/>
              </a:ext>
            </a:extLst>
          </p:cNvPr>
          <p:cNvSpPr/>
          <p:nvPr userDrawn="1"/>
        </p:nvSpPr>
        <p:spPr>
          <a:xfrm>
            <a:off x="8877569" y="128066"/>
            <a:ext cx="35892" cy="47980"/>
          </a:xfrm>
          <a:custGeom>
            <a:avLst/>
            <a:gdLst>
              <a:gd name="connsiteX0" fmla="*/ 22311 w 36576"/>
              <a:gd name="connsiteY0" fmla="*/ 0 h 65193"/>
              <a:gd name="connsiteX1" fmla="*/ 44257 w 36576"/>
              <a:gd name="connsiteY1" fmla="*/ 0 h 65193"/>
              <a:gd name="connsiteX2" fmla="*/ 21854 w 36576"/>
              <a:gd name="connsiteY2" fmla="*/ 66870 h 65193"/>
              <a:gd name="connsiteX3" fmla="*/ 0 w 36576"/>
              <a:gd name="connsiteY3" fmla="*/ 66870 h 65193"/>
              <a:gd name="connsiteX4" fmla="*/ 22311 w 36576"/>
              <a:gd name="connsiteY4" fmla="*/ 0 h 651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6576" h="65193">
                <a:moveTo>
                  <a:pt x="22311" y="0"/>
                </a:moveTo>
                <a:lnTo>
                  <a:pt x="44257" y="0"/>
                </a:lnTo>
                <a:lnTo>
                  <a:pt x="21854" y="66870"/>
                </a:lnTo>
                <a:lnTo>
                  <a:pt x="0" y="66870"/>
                </a:lnTo>
                <a:lnTo>
                  <a:pt x="22311" y="0"/>
                </a:lnTo>
                <a:close/>
              </a:path>
            </a:pathLst>
          </a:custGeom>
          <a:solidFill>
            <a:schemeClr val="bg1"/>
          </a:solidFill>
          <a:ln w="9144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15" name="Vrije vorm 97">
            <a:extLst>
              <a:ext uri="{FF2B5EF4-FFF2-40B4-BE49-F238E27FC236}">
                <a16:creationId xmlns="" xmlns:a16="http://schemas.microsoft.com/office/drawing/2014/main" id="{9AF12DCA-505F-4CF5-8D5E-BF5BCC230F64}"/>
              </a:ext>
            </a:extLst>
          </p:cNvPr>
          <p:cNvSpPr/>
          <p:nvPr userDrawn="1"/>
        </p:nvSpPr>
        <p:spPr>
          <a:xfrm>
            <a:off x="8885557" y="111136"/>
            <a:ext cx="44864" cy="34272"/>
          </a:xfrm>
          <a:custGeom>
            <a:avLst/>
            <a:gdLst>
              <a:gd name="connsiteX0" fmla="*/ 49377 w 45720"/>
              <a:gd name="connsiteY0" fmla="*/ 25053 h 46566"/>
              <a:gd name="connsiteX1" fmla="*/ 24780 w 45720"/>
              <a:gd name="connsiteY1" fmla="*/ 50292 h 46566"/>
              <a:gd name="connsiteX2" fmla="*/ 0 w 45720"/>
              <a:gd name="connsiteY2" fmla="*/ 25239 h 46566"/>
              <a:gd name="connsiteX3" fmla="*/ 24597 w 45720"/>
              <a:gd name="connsiteY3" fmla="*/ 0 h 46566"/>
              <a:gd name="connsiteX4" fmla="*/ 24689 w 45720"/>
              <a:gd name="connsiteY4" fmla="*/ 0 h 46566"/>
              <a:gd name="connsiteX5" fmla="*/ 49377 w 45720"/>
              <a:gd name="connsiteY5" fmla="*/ 25053 h 4656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5720" h="46566">
                <a:moveTo>
                  <a:pt x="49377" y="25053"/>
                </a:moveTo>
                <a:cubicBezTo>
                  <a:pt x="49428" y="38941"/>
                  <a:pt x="38415" y="50240"/>
                  <a:pt x="24780" y="50292"/>
                </a:cubicBezTo>
                <a:cubicBezTo>
                  <a:pt x="11145" y="50343"/>
                  <a:pt x="51" y="39127"/>
                  <a:pt x="0" y="25239"/>
                </a:cubicBezTo>
                <a:cubicBezTo>
                  <a:pt x="-50" y="11351"/>
                  <a:pt x="10962" y="52"/>
                  <a:pt x="24597" y="0"/>
                </a:cubicBezTo>
                <a:cubicBezTo>
                  <a:pt x="24628" y="0"/>
                  <a:pt x="24658" y="0"/>
                  <a:pt x="24689" y="0"/>
                </a:cubicBezTo>
                <a:cubicBezTo>
                  <a:pt x="38288" y="0"/>
                  <a:pt x="49327" y="11201"/>
                  <a:pt x="49377" y="25053"/>
                </a:cubicBezTo>
              </a:path>
            </a:pathLst>
          </a:custGeom>
          <a:solidFill>
            <a:schemeClr val="bg1"/>
          </a:solidFill>
          <a:ln w="9144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16" name="Tekstvak 94">
            <a:extLst>
              <a:ext uri="{FF2B5EF4-FFF2-40B4-BE49-F238E27FC236}">
                <a16:creationId xmlns="" xmlns:a16="http://schemas.microsoft.com/office/drawing/2014/main" id="{4A9A39F5-03FB-4028-A544-6A8AA5D025E4}"/>
              </a:ext>
            </a:extLst>
          </p:cNvPr>
          <p:cNvSpPr txBox="1"/>
          <p:nvPr userDrawn="1"/>
        </p:nvSpPr>
        <p:spPr>
          <a:xfrm>
            <a:off x="9123568" y="118662"/>
            <a:ext cx="566075" cy="175435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ru-RU" sz="1150" b="0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ИМП</a:t>
            </a:r>
            <a:endParaRPr lang="nl-NL" sz="1150" b="0" i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7" name="Vrije vorm 91">
            <a:extLst>
              <a:ext uri="{FF2B5EF4-FFF2-40B4-BE49-F238E27FC236}">
                <a16:creationId xmlns="" xmlns:a16="http://schemas.microsoft.com/office/drawing/2014/main" id="{E6B38451-3559-4CF0-8593-E819B94C3DB3}"/>
              </a:ext>
            </a:extLst>
          </p:cNvPr>
          <p:cNvSpPr/>
          <p:nvPr userDrawn="1"/>
        </p:nvSpPr>
        <p:spPr>
          <a:xfrm>
            <a:off x="10082934" y="108445"/>
            <a:ext cx="221559" cy="164503"/>
          </a:xfrm>
          <a:custGeom>
            <a:avLst/>
            <a:gdLst>
              <a:gd name="connsiteX0" fmla="*/ 72437 w 225777"/>
              <a:gd name="connsiteY0" fmla="*/ 230319 h 223520"/>
              <a:gd name="connsiteX1" fmla="*/ 0 w 225777"/>
              <a:gd name="connsiteY1" fmla="*/ 165964 h 223520"/>
              <a:gd name="connsiteX2" fmla="*/ 0 w 225777"/>
              <a:gd name="connsiteY2" fmla="*/ 165964 h 223520"/>
              <a:gd name="connsiteX3" fmla="*/ 28504 w 225777"/>
              <a:gd name="connsiteY3" fmla="*/ 127500 h 223520"/>
              <a:gd name="connsiteX4" fmla="*/ 68580 w 225777"/>
              <a:gd name="connsiteY4" fmla="*/ 183566 h 223520"/>
              <a:gd name="connsiteX5" fmla="*/ 190688 w 225777"/>
              <a:gd name="connsiteY5" fmla="*/ 0 h 223520"/>
              <a:gd name="connsiteX6" fmla="*/ 226060 w 225777"/>
              <a:gd name="connsiteY6" fmla="*/ 24028 h 223520"/>
              <a:gd name="connsiteX7" fmla="*/ 72437 w 225777"/>
              <a:gd name="connsiteY7" fmla="*/ 230319 h 2235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25777" h="223520">
                <a:moveTo>
                  <a:pt x="72437" y="230319"/>
                </a:moveTo>
                <a:lnTo>
                  <a:pt x="0" y="165964"/>
                </a:lnTo>
                <a:lnTo>
                  <a:pt x="0" y="165964"/>
                </a:lnTo>
                <a:lnTo>
                  <a:pt x="28504" y="127500"/>
                </a:lnTo>
                <a:lnTo>
                  <a:pt x="68580" y="183566"/>
                </a:lnTo>
                <a:lnTo>
                  <a:pt x="190688" y="0"/>
                </a:lnTo>
                <a:lnTo>
                  <a:pt x="226060" y="24028"/>
                </a:lnTo>
                <a:lnTo>
                  <a:pt x="72437" y="230319"/>
                </a:lnTo>
                <a:close/>
              </a:path>
            </a:pathLst>
          </a:custGeom>
          <a:solidFill>
            <a:schemeClr val="bg1"/>
          </a:solidFill>
          <a:ln w="9172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18" name="Vrije vorm 92">
            <a:extLst>
              <a:ext uri="{FF2B5EF4-FFF2-40B4-BE49-F238E27FC236}">
                <a16:creationId xmlns="" xmlns:a16="http://schemas.microsoft.com/office/drawing/2014/main" id="{F192FD15-08A7-4A29-87FE-1F7AC57C3755}"/>
              </a:ext>
            </a:extLst>
          </p:cNvPr>
          <p:cNvSpPr/>
          <p:nvPr userDrawn="1"/>
        </p:nvSpPr>
        <p:spPr>
          <a:xfrm>
            <a:off x="10053723" y="113791"/>
            <a:ext cx="221556" cy="198775"/>
          </a:xfrm>
          <a:custGeom>
            <a:avLst/>
            <a:gdLst>
              <a:gd name="connsiteX0" fmla="*/ 229070 w 225777"/>
              <a:gd name="connsiteY0" fmla="*/ 272136 h 270086"/>
              <a:gd name="connsiteX1" fmla="*/ 0 w 225777"/>
              <a:gd name="connsiteY1" fmla="*/ 272136 h 270086"/>
              <a:gd name="connsiteX2" fmla="*/ 0 w 225777"/>
              <a:gd name="connsiteY2" fmla="*/ 0 h 270086"/>
              <a:gd name="connsiteX3" fmla="*/ 187960 w 225777"/>
              <a:gd name="connsiteY3" fmla="*/ 0 h 270086"/>
              <a:gd name="connsiteX4" fmla="*/ 172720 w 225777"/>
              <a:gd name="connsiteY4" fmla="*/ 22631 h 270086"/>
              <a:gd name="connsiteX5" fmla="*/ 22954 w 225777"/>
              <a:gd name="connsiteY5" fmla="*/ 22631 h 270086"/>
              <a:gd name="connsiteX6" fmla="*/ 22954 w 225777"/>
              <a:gd name="connsiteY6" fmla="*/ 249504 h 270086"/>
              <a:gd name="connsiteX7" fmla="*/ 206210 w 225777"/>
              <a:gd name="connsiteY7" fmla="*/ 249504 h 270086"/>
              <a:gd name="connsiteX8" fmla="*/ 206210 w 225777"/>
              <a:gd name="connsiteY8" fmla="*/ 139886 h 270086"/>
              <a:gd name="connsiteX9" fmla="*/ 229070 w 225777"/>
              <a:gd name="connsiteY9" fmla="*/ 107755 h 270086"/>
              <a:gd name="connsiteX10" fmla="*/ 229070 w 225777"/>
              <a:gd name="connsiteY10" fmla="*/ 272136 h 2700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225777" h="270086">
                <a:moveTo>
                  <a:pt x="229070" y="272136"/>
                </a:moveTo>
                <a:lnTo>
                  <a:pt x="0" y="272136"/>
                </a:lnTo>
                <a:lnTo>
                  <a:pt x="0" y="0"/>
                </a:lnTo>
                <a:lnTo>
                  <a:pt x="187960" y="0"/>
                </a:lnTo>
                <a:lnTo>
                  <a:pt x="172720" y="22631"/>
                </a:lnTo>
                <a:lnTo>
                  <a:pt x="22954" y="22631"/>
                </a:lnTo>
                <a:lnTo>
                  <a:pt x="22954" y="249504"/>
                </a:lnTo>
                <a:lnTo>
                  <a:pt x="206210" y="249504"/>
                </a:lnTo>
                <a:lnTo>
                  <a:pt x="206210" y="139886"/>
                </a:lnTo>
                <a:lnTo>
                  <a:pt x="229070" y="107755"/>
                </a:lnTo>
                <a:lnTo>
                  <a:pt x="229070" y="272136"/>
                </a:lnTo>
                <a:close/>
              </a:path>
            </a:pathLst>
          </a:custGeom>
          <a:solidFill>
            <a:schemeClr val="bg1"/>
          </a:solidFill>
          <a:ln w="9172" cap="flat">
            <a:noFill/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19" name="Tekstvak 90">
            <a:extLst>
              <a:ext uri="{FF2B5EF4-FFF2-40B4-BE49-F238E27FC236}">
                <a16:creationId xmlns="" xmlns:a16="http://schemas.microsoft.com/office/drawing/2014/main" id="{AD69245C-411E-412B-B0EE-18018DEC7DE9}"/>
              </a:ext>
            </a:extLst>
          </p:cNvPr>
          <p:cNvSpPr txBox="1"/>
          <p:nvPr userDrawn="1"/>
        </p:nvSpPr>
        <p:spPr>
          <a:xfrm>
            <a:off x="10464133" y="118662"/>
            <a:ext cx="907205" cy="175435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ru-RU" sz="1150" b="0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Резюме</a:t>
            </a:r>
          </a:p>
        </p:txBody>
      </p:sp>
      <p:sp>
        <p:nvSpPr>
          <p:cNvPr id="120" name="Vrije vorm 101">
            <a:extLst>
              <a:ext uri="{FF2B5EF4-FFF2-40B4-BE49-F238E27FC236}">
                <a16:creationId xmlns="" xmlns:a16="http://schemas.microsoft.com/office/drawing/2014/main" id="{E645B6B0-D017-434E-8F0E-F9BC24161591}"/>
              </a:ext>
            </a:extLst>
          </p:cNvPr>
          <p:cNvSpPr/>
          <p:nvPr userDrawn="1"/>
        </p:nvSpPr>
        <p:spPr>
          <a:xfrm>
            <a:off x="6934845" y="107692"/>
            <a:ext cx="252363" cy="205629"/>
          </a:xfrm>
          <a:custGeom>
            <a:avLst/>
            <a:gdLst>
              <a:gd name="connsiteX0" fmla="*/ 0 w 257175"/>
              <a:gd name="connsiteY0" fmla="*/ 0 h 279400"/>
              <a:gd name="connsiteX1" fmla="*/ 0 w 257175"/>
              <a:gd name="connsiteY1" fmla="*/ 279400 h 279400"/>
              <a:gd name="connsiteX2" fmla="*/ 262890 w 257175"/>
              <a:gd name="connsiteY2" fmla="*/ 279400 h 279400"/>
              <a:gd name="connsiteX3" fmla="*/ 262890 w 257175"/>
              <a:gd name="connsiteY3" fmla="*/ 0 h 279400"/>
              <a:gd name="connsiteX4" fmla="*/ 240030 w 257175"/>
              <a:gd name="connsiteY4" fmla="*/ 257048 h 279400"/>
              <a:gd name="connsiteX5" fmla="*/ 194310 w 257175"/>
              <a:gd name="connsiteY5" fmla="*/ 257048 h 279400"/>
              <a:gd name="connsiteX6" fmla="*/ 194310 w 257175"/>
              <a:gd name="connsiteY6" fmla="*/ 167640 h 279400"/>
              <a:gd name="connsiteX7" fmla="*/ 170783 w 257175"/>
              <a:gd name="connsiteY7" fmla="*/ 145288 h 279400"/>
              <a:gd name="connsiteX8" fmla="*/ 92869 w 257175"/>
              <a:gd name="connsiteY8" fmla="*/ 145288 h 279400"/>
              <a:gd name="connsiteX9" fmla="*/ 68580 w 257175"/>
              <a:gd name="connsiteY9" fmla="*/ 167640 h 279400"/>
              <a:gd name="connsiteX10" fmla="*/ 68580 w 257175"/>
              <a:gd name="connsiteY10" fmla="*/ 257048 h 279400"/>
              <a:gd name="connsiteX11" fmla="*/ 22860 w 257175"/>
              <a:gd name="connsiteY11" fmla="*/ 257048 h 279400"/>
              <a:gd name="connsiteX12" fmla="*/ 22860 w 257175"/>
              <a:gd name="connsiteY12" fmla="*/ 22352 h 279400"/>
              <a:gd name="connsiteX13" fmla="*/ 240030 w 257175"/>
              <a:gd name="connsiteY13" fmla="*/ 22352 h 279400"/>
              <a:gd name="connsiteX14" fmla="*/ 240030 w 257175"/>
              <a:gd name="connsiteY14" fmla="*/ 257048 h 279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257175" h="279400">
                <a:moveTo>
                  <a:pt x="0" y="0"/>
                </a:moveTo>
                <a:lnTo>
                  <a:pt x="0" y="279400"/>
                </a:lnTo>
                <a:lnTo>
                  <a:pt x="262890" y="279400"/>
                </a:lnTo>
                <a:lnTo>
                  <a:pt x="262890" y="0"/>
                </a:lnTo>
                <a:close/>
                <a:moveTo>
                  <a:pt x="240030" y="257048"/>
                </a:moveTo>
                <a:lnTo>
                  <a:pt x="194310" y="257048"/>
                </a:lnTo>
                <a:lnTo>
                  <a:pt x="194310" y="167640"/>
                </a:lnTo>
                <a:cubicBezTo>
                  <a:pt x="193999" y="155169"/>
                  <a:pt x="183541" y="145234"/>
                  <a:pt x="170783" y="145288"/>
                </a:cubicBezTo>
                <a:lnTo>
                  <a:pt x="92869" y="145288"/>
                </a:lnTo>
                <a:cubicBezTo>
                  <a:pt x="79955" y="145172"/>
                  <a:pt x="69243" y="155029"/>
                  <a:pt x="68580" y="167640"/>
                </a:cubicBezTo>
                <a:lnTo>
                  <a:pt x="68580" y="257048"/>
                </a:lnTo>
                <a:lnTo>
                  <a:pt x="22860" y="257048"/>
                </a:lnTo>
                <a:lnTo>
                  <a:pt x="22860" y="22352"/>
                </a:lnTo>
                <a:lnTo>
                  <a:pt x="240030" y="22352"/>
                </a:lnTo>
                <a:lnTo>
                  <a:pt x="240030" y="257048"/>
                </a:lnTo>
                <a:close/>
              </a:path>
            </a:pathLst>
          </a:custGeom>
          <a:solidFill>
            <a:schemeClr val="bg2"/>
          </a:solidFill>
          <a:ln w="9525" cap="flat">
            <a:solidFill>
              <a:schemeClr val="bg2"/>
            </a:solidFill>
            <a:prstDash val="solid"/>
            <a:miter/>
          </a:ln>
        </p:spPr>
        <p:txBody>
          <a:bodyPr rtlCol="0" anchor="ctr"/>
          <a:lstStyle/>
          <a:p>
            <a:endParaRPr lang="nl-NL" sz="1900">
              <a:solidFill>
                <a:schemeClr val="bg1"/>
              </a:solidFill>
            </a:endParaRPr>
          </a:p>
        </p:txBody>
      </p:sp>
      <p:sp>
        <p:nvSpPr>
          <p:cNvPr id="121" name="Tekstvak 99">
            <a:extLst>
              <a:ext uri="{FF2B5EF4-FFF2-40B4-BE49-F238E27FC236}">
                <a16:creationId xmlns="" xmlns:a16="http://schemas.microsoft.com/office/drawing/2014/main" id="{7840F05A-C276-4765-A82A-37549E25238A}"/>
              </a:ext>
            </a:extLst>
          </p:cNvPr>
          <p:cNvSpPr txBox="1"/>
          <p:nvPr userDrawn="1"/>
        </p:nvSpPr>
        <p:spPr>
          <a:xfrm>
            <a:off x="7353495" y="30945"/>
            <a:ext cx="1364074" cy="350871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r>
              <a:rPr lang="ru-RU" sz="1150" b="0" i="0" strike="noStrike" cap="none" spc="0" baseline="0">
                <a:solidFill>
                  <a:srgbClr val="FFFFFF"/>
                </a:solidFill>
                <a:effectLst/>
                <a:latin typeface="Arial"/>
                <a:ea typeface="Arial"/>
                <a:cs typeface="Arial"/>
              </a:rPr>
              <a:t>Клинические случаи </a:t>
            </a:r>
          </a:p>
        </p:txBody>
      </p:sp>
      <p:sp>
        <p:nvSpPr>
          <p:cNvPr id="122" name="Oval 121">
            <a:extLst>
              <a:ext uri="{FF2B5EF4-FFF2-40B4-BE49-F238E27FC236}">
                <a16:creationId xmlns="" xmlns:a16="http://schemas.microsoft.com/office/drawing/2014/main" id="{4EBD3795-3245-47C1-B9D7-2EDB1645FA63}"/>
              </a:ext>
            </a:extLst>
          </p:cNvPr>
          <p:cNvSpPr/>
          <p:nvPr userDrawn="1"/>
        </p:nvSpPr>
        <p:spPr>
          <a:xfrm>
            <a:off x="7036401" y="149326"/>
            <a:ext cx="60959" cy="45719"/>
          </a:xfrm>
          <a:prstGeom prst="ellipse">
            <a:avLst/>
          </a:prstGeom>
          <a:solidFill>
            <a:schemeClr val="bg1"/>
          </a:solidFill>
          <a:ln w="19050"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900">
              <a:solidFill>
                <a:schemeClr val="tx1"/>
              </a:solidFill>
            </a:endParaRPr>
          </a:p>
        </p:txBody>
      </p:sp>
      <p:grpSp>
        <p:nvGrpSpPr>
          <p:cNvPr id="303" name="Groep 177">
            <a:extLst>
              <a:ext uri="{FF2B5EF4-FFF2-40B4-BE49-F238E27FC236}">
                <a16:creationId xmlns="" xmlns:a16="http://schemas.microsoft.com/office/drawing/2014/main" id="{EC903812-8984-4B09-B83B-415BABD43734}"/>
              </a:ext>
            </a:extLst>
          </p:cNvPr>
          <p:cNvGrpSpPr/>
          <p:nvPr userDrawn="1"/>
        </p:nvGrpSpPr>
        <p:grpSpPr>
          <a:xfrm>
            <a:off x="2136939" y="6458731"/>
            <a:ext cx="1478157" cy="199392"/>
            <a:chOff x="693440" y="6458731"/>
            <a:chExt cx="1108618" cy="199392"/>
          </a:xfrm>
        </p:grpSpPr>
        <p:grpSp>
          <p:nvGrpSpPr>
            <p:cNvPr id="304" name="Graphic 38">
              <a:extLst>
                <a:ext uri="{FF2B5EF4-FFF2-40B4-BE49-F238E27FC236}">
                  <a16:creationId xmlns="" xmlns:a16="http://schemas.microsoft.com/office/drawing/2014/main" id="{8C0103E0-77BF-4D08-BA06-E46C967874AB}"/>
                </a:ext>
              </a:extLst>
            </p:cNvPr>
            <p:cNvGrpSpPr/>
            <p:nvPr/>
          </p:nvGrpSpPr>
          <p:grpSpPr>
            <a:xfrm>
              <a:off x="693440" y="6458731"/>
              <a:ext cx="179970" cy="199392"/>
              <a:chOff x="4445000" y="3289300"/>
              <a:chExt cx="244535" cy="270925"/>
            </a:xfrm>
            <a:solidFill>
              <a:schemeClr val="tx1"/>
            </a:solidFill>
          </p:grpSpPr>
          <p:sp>
            <p:nvSpPr>
              <p:cNvPr id="306" name="Vrije vorm 194">
                <a:extLst>
                  <a:ext uri="{FF2B5EF4-FFF2-40B4-BE49-F238E27FC236}">
                    <a16:creationId xmlns="" xmlns:a16="http://schemas.microsoft.com/office/drawing/2014/main" id="{DC597533-6CBA-49E6-BFCC-E2466E0371DE}"/>
                  </a:ext>
                </a:extLst>
              </p:cNvPr>
              <p:cNvSpPr/>
              <p:nvPr/>
            </p:nvSpPr>
            <p:spPr>
              <a:xfrm>
                <a:off x="4445000" y="3532285"/>
                <a:ext cx="56444" cy="27940"/>
              </a:xfrm>
              <a:custGeom>
                <a:avLst/>
                <a:gdLst>
                  <a:gd name="connsiteX0" fmla="*/ 0 w 56444"/>
                  <a:gd name="connsiteY0" fmla="*/ 0 h 27940"/>
                  <a:gd name="connsiteX1" fmla="*/ 61336 w 56444"/>
                  <a:gd name="connsiteY1" fmla="*/ 0 h 27940"/>
                  <a:gd name="connsiteX2" fmla="*/ 61336 w 56444"/>
                  <a:gd name="connsiteY2" fmla="*/ 36415 h 27940"/>
                  <a:gd name="connsiteX3" fmla="*/ 0 w 56444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27940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07" name="Vrije vorm 195">
                <a:extLst>
                  <a:ext uri="{FF2B5EF4-FFF2-40B4-BE49-F238E27FC236}">
                    <a16:creationId xmlns="" xmlns:a16="http://schemas.microsoft.com/office/drawing/2014/main" id="{3FD33569-33E5-4142-AD67-47B125CB6C08}"/>
                  </a:ext>
                </a:extLst>
              </p:cNvPr>
              <p:cNvSpPr/>
              <p:nvPr/>
            </p:nvSpPr>
            <p:spPr>
              <a:xfrm>
                <a:off x="4445000" y="3495777"/>
                <a:ext cx="56444" cy="18627"/>
              </a:xfrm>
              <a:custGeom>
                <a:avLst/>
                <a:gdLst>
                  <a:gd name="connsiteX0" fmla="*/ 0 w 56444"/>
                  <a:gd name="connsiteY0" fmla="*/ 0 h 18626"/>
                  <a:gd name="connsiteX1" fmla="*/ 61336 w 56444"/>
                  <a:gd name="connsiteY1" fmla="*/ 0 h 18626"/>
                  <a:gd name="connsiteX2" fmla="*/ 61336 w 56444"/>
                  <a:gd name="connsiteY2" fmla="*/ 24308 h 18626"/>
                  <a:gd name="connsiteX3" fmla="*/ 0 w 56444"/>
                  <a:gd name="connsiteY3" fmla="*/ 24308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1862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24308"/>
                    </a:lnTo>
                    <a:lnTo>
                      <a:pt x="0" y="24308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08" name="Vrije vorm 196">
                <a:extLst>
                  <a:ext uri="{FF2B5EF4-FFF2-40B4-BE49-F238E27FC236}">
                    <a16:creationId xmlns="" xmlns:a16="http://schemas.microsoft.com/office/drawing/2014/main" id="{5321F2D3-9415-4E9D-BC99-B8863AA29F4B}"/>
                  </a:ext>
                </a:extLst>
              </p:cNvPr>
              <p:cNvSpPr/>
              <p:nvPr/>
            </p:nvSpPr>
            <p:spPr>
              <a:xfrm>
                <a:off x="4445000" y="3374331"/>
                <a:ext cx="56444" cy="102447"/>
              </a:xfrm>
              <a:custGeom>
                <a:avLst/>
                <a:gdLst>
                  <a:gd name="connsiteX0" fmla="*/ 0 w 56444"/>
                  <a:gd name="connsiteY0" fmla="*/ 0 h 102446"/>
                  <a:gd name="connsiteX1" fmla="*/ 61336 w 56444"/>
                  <a:gd name="connsiteY1" fmla="*/ 0 h 102446"/>
                  <a:gd name="connsiteX2" fmla="*/ 61336 w 56444"/>
                  <a:gd name="connsiteY2" fmla="*/ 109339 h 102446"/>
                  <a:gd name="connsiteX3" fmla="*/ 0 w 56444"/>
                  <a:gd name="connsiteY3" fmla="*/ 109339 h 10244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10244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109339"/>
                    </a:lnTo>
                    <a:lnTo>
                      <a:pt x="0" y="109339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09" name="Vrije vorm 197">
                <a:extLst>
                  <a:ext uri="{FF2B5EF4-FFF2-40B4-BE49-F238E27FC236}">
                    <a16:creationId xmlns="" xmlns:a16="http://schemas.microsoft.com/office/drawing/2014/main" id="{ACFE33C6-13C6-4D54-930E-1A45D108B4F3}"/>
                  </a:ext>
                </a:extLst>
              </p:cNvPr>
              <p:cNvSpPr/>
              <p:nvPr/>
            </p:nvSpPr>
            <p:spPr>
              <a:xfrm>
                <a:off x="4445000" y="3313608"/>
                <a:ext cx="56444" cy="46567"/>
              </a:xfrm>
              <a:custGeom>
                <a:avLst/>
                <a:gdLst>
                  <a:gd name="connsiteX0" fmla="*/ 0 w 56444"/>
                  <a:gd name="connsiteY0" fmla="*/ 0 h 46566"/>
                  <a:gd name="connsiteX1" fmla="*/ 61336 w 56444"/>
                  <a:gd name="connsiteY1" fmla="*/ 0 h 46566"/>
                  <a:gd name="connsiteX2" fmla="*/ 61336 w 56444"/>
                  <a:gd name="connsiteY2" fmla="*/ 48616 h 46566"/>
                  <a:gd name="connsiteX3" fmla="*/ 0 w 56444"/>
                  <a:gd name="connsiteY3" fmla="*/ 48616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4656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48616"/>
                    </a:lnTo>
                    <a:lnTo>
                      <a:pt x="0" y="4861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10" name="Vrije vorm 198">
                <a:extLst>
                  <a:ext uri="{FF2B5EF4-FFF2-40B4-BE49-F238E27FC236}">
                    <a16:creationId xmlns="" xmlns:a16="http://schemas.microsoft.com/office/drawing/2014/main" id="{F4837FE0-DDE5-4282-9AE4-F5F40210E6C5}"/>
                  </a:ext>
                </a:extLst>
              </p:cNvPr>
              <p:cNvSpPr/>
              <p:nvPr/>
            </p:nvSpPr>
            <p:spPr>
              <a:xfrm>
                <a:off x="4518660" y="3532285"/>
                <a:ext cx="65852" cy="27940"/>
              </a:xfrm>
              <a:custGeom>
                <a:avLst/>
                <a:gdLst>
                  <a:gd name="connsiteX0" fmla="*/ 0 w 65851"/>
                  <a:gd name="connsiteY0" fmla="*/ 0 h 27940"/>
                  <a:gd name="connsiteX1" fmla="*/ 73660 w 65851"/>
                  <a:gd name="connsiteY1" fmla="*/ 0 h 27940"/>
                  <a:gd name="connsiteX2" fmla="*/ 73660 w 65851"/>
                  <a:gd name="connsiteY2" fmla="*/ 36415 h 27940"/>
                  <a:gd name="connsiteX3" fmla="*/ 0 w 65851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27940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11" name="Vrije vorm 199">
                <a:extLst>
                  <a:ext uri="{FF2B5EF4-FFF2-40B4-BE49-F238E27FC236}">
                    <a16:creationId xmlns="" xmlns:a16="http://schemas.microsoft.com/office/drawing/2014/main" id="{71477AE2-A79E-4577-B030-8DE4A5471DCB}"/>
                  </a:ext>
                </a:extLst>
              </p:cNvPr>
              <p:cNvSpPr/>
              <p:nvPr/>
            </p:nvSpPr>
            <p:spPr>
              <a:xfrm>
                <a:off x="4518661" y="3483667"/>
                <a:ext cx="65852" cy="27940"/>
              </a:xfrm>
              <a:custGeom>
                <a:avLst/>
                <a:gdLst>
                  <a:gd name="connsiteX0" fmla="*/ 0 w 65851"/>
                  <a:gd name="connsiteY0" fmla="*/ 0 h 27940"/>
                  <a:gd name="connsiteX1" fmla="*/ 73660 w 65851"/>
                  <a:gd name="connsiteY1" fmla="*/ 0 h 27940"/>
                  <a:gd name="connsiteX2" fmla="*/ 73660 w 65851"/>
                  <a:gd name="connsiteY2" fmla="*/ 36415 h 27940"/>
                  <a:gd name="connsiteX3" fmla="*/ 0 w 65851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27940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12" name="Vrije vorm 200">
                <a:extLst>
                  <a:ext uri="{FF2B5EF4-FFF2-40B4-BE49-F238E27FC236}">
                    <a16:creationId xmlns="" xmlns:a16="http://schemas.microsoft.com/office/drawing/2014/main" id="{ABA6381D-E307-4791-8C69-F1164C080937}"/>
                  </a:ext>
                </a:extLst>
              </p:cNvPr>
              <p:cNvSpPr/>
              <p:nvPr/>
            </p:nvSpPr>
            <p:spPr>
              <a:xfrm>
                <a:off x="4518660" y="3350023"/>
                <a:ext cx="65852" cy="121073"/>
              </a:xfrm>
              <a:custGeom>
                <a:avLst/>
                <a:gdLst>
                  <a:gd name="connsiteX0" fmla="*/ 0 w 65851"/>
                  <a:gd name="connsiteY0" fmla="*/ 0 h 121073"/>
                  <a:gd name="connsiteX1" fmla="*/ 73660 w 65851"/>
                  <a:gd name="connsiteY1" fmla="*/ 0 h 121073"/>
                  <a:gd name="connsiteX2" fmla="*/ 73660 w 65851"/>
                  <a:gd name="connsiteY2" fmla="*/ 121446 h 121073"/>
                  <a:gd name="connsiteX3" fmla="*/ 0 w 65851"/>
                  <a:gd name="connsiteY3" fmla="*/ 121446 h 1210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121072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121446"/>
                    </a:lnTo>
                    <a:lnTo>
                      <a:pt x="0" y="12144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13" name="Vrije vorm 201">
                <a:extLst>
                  <a:ext uri="{FF2B5EF4-FFF2-40B4-BE49-F238E27FC236}">
                    <a16:creationId xmlns="" xmlns:a16="http://schemas.microsoft.com/office/drawing/2014/main" id="{6DD8AC99-2F49-4254-A9C4-50A5541E6514}"/>
                  </a:ext>
                </a:extLst>
              </p:cNvPr>
              <p:cNvSpPr/>
              <p:nvPr/>
            </p:nvSpPr>
            <p:spPr>
              <a:xfrm>
                <a:off x="4518660" y="3289300"/>
                <a:ext cx="65852" cy="46567"/>
              </a:xfrm>
              <a:custGeom>
                <a:avLst/>
                <a:gdLst>
                  <a:gd name="connsiteX0" fmla="*/ 0 w 65851"/>
                  <a:gd name="connsiteY0" fmla="*/ 0 h 46566"/>
                  <a:gd name="connsiteX1" fmla="*/ 73660 w 65851"/>
                  <a:gd name="connsiteY1" fmla="*/ 0 h 46566"/>
                  <a:gd name="connsiteX2" fmla="*/ 73660 w 65851"/>
                  <a:gd name="connsiteY2" fmla="*/ 48616 h 46566"/>
                  <a:gd name="connsiteX3" fmla="*/ 0 w 65851"/>
                  <a:gd name="connsiteY3" fmla="*/ 48616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46566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48616"/>
                    </a:lnTo>
                    <a:lnTo>
                      <a:pt x="0" y="4861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14" name="Vrije vorm 202">
                <a:extLst>
                  <a:ext uri="{FF2B5EF4-FFF2-40B4-BE49-F238E27FC236}">
                    <a16:creationId xmlns="" xmlns:a16="http://schemas.microsoft.com/office/drawing/2014/main" id="{2F210C79-E33B-4016-9649-8361EDF7E419}"/>
                  </a:ext>
                </a:extLst>
              </p:cNvPr>
              <p:cNvSpPr/>
              <p:nvPr/>
            </p:nvSpPr>
            <p:spPr>
              <a:xfrm>
                <a:off x="4612423" y="3299078"/>
                <a:ext cx="56444" cy="46567"/>
              </a:xfrm>
              <a:custGeom>
                <a:avLst/>
                <a:gdLst>
                  <a:gd name="connsiteX0" fmla="*/ 0 w 56444"/>
                  <a:gd name="connsiteY0" fmla="*/ 5187 h 46566"/>
                  <a:gd name="connsiteX1" fmla="*/ 61112 w 56444"/>
                  <a:gd name="connsiteY1" fmla="*/ 0 h 46566"/>
                  <a:gd name="connsiteX2" fmla="*/ 65307 w 56444"/>
                  <a:gd name="connsiteY2" fmla="*/ 48438 h 46566"/>
                  <a:gd name="connsiteX3" fmla="*/ 4195 w 56444"/>
                  <a:gd name="connsiteY3" fmla="*/ 53625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46566">
                    <a:moveTo>
                      <a:pt x="0" y="5187"/>
                    </a:moveTo>
                    <a:lnTo>
                      <a:pt x="61112" y="0"/>
                    </a:lnTo>
                    <a:lnTo>
                      <a:pt x="65307" y="48438"/>
                    </a:lnTo>
                    <a:lnTo>
                      <a:pt x="4195" y="5362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15" name="Vrije vorm 203">
                <a:extLst>
                  <a:ext uri="{FF2B5EF4-FFF2-40B4-BE49-F238E27FC236}">
                    <a16:creationId xmlns="" xmlns:a16="http://schemas.microsoft.com/office/drawing/2014/main" id="{89FC637C-54F2-49E6-A876-A20C13493F91}"/>
                  </a:ext>
                </a:extLst>
              </p:cNvPr>
              <p:cNvSpPr/>
              <p:nvPr/>
            </p:nvSpPr>
            <p:spPr>
              <a:xfrm>
                <a:off x="4617779" y="3359513"/>
                <a:ext cx="65852" cy="111760"/>
              </a:xfrm>
              <a:custGeom>
                <a:avLst/>
                <a:gdLst>
                  <a:gd name="connsiteX0" fmla="*/ 0 w 65851"/>
                  <a:gd name="connsiteY0" fmla="*/ 5176 h 111760"/>
                  <a:gd name="connsiteX1" fmla="*/ 61113 w 65851"/>
                  <a:gd name="connsiteY1" fmla="*/ 0 h 111760"/>
                  <a:gd name="connsiteX2" fmla="*/ 70528 w 65851"/>
                  <a:gd name="connsiteY2" fmla="*/ 108941 h 111760"/>
                  <a:gd name="connsiteX3" fmla="*/ 9414 w 65851"/>
                  <a:gd name="connsiteY3" fmla="*/ 114117 h 1117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111760">
                    <a:moveTo>
                      <a:pt x="0" y="5176"/>
                    </a:moveTo>
                    <a:lnTo>
                      <a:pt x="61113" y="0"/>
                    </a:lnTo>
                    <a:lnTo>
                      <a:pt x="70528" y="108941"/>
                    </a:lnTo>
                    <a:lnTo>
                      <a:pt x="9414" y="114117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16" name="Vrije vorm 204">
                <a:extLst>
                  <a:ext uri="{FF2B5EF4-FFF2-40B4-BE49-F238E27FC236}">
                    <a16:creationId xmlns="" xmlns:a16="http://schemas.microsoft.com/office/drawing/2014/main" id="{15904375-C24A-4F75-8F9C-4AC78D4D14D1}"/>
                  </a:ext>
                </a:extLst>
              </p:cNvPr>
              <p:cNvSpPr/>
              <p:nvPr/>
            </p:nvSpPr>
            <p:spPr>
              <a:xfrm>
                <a:off x="4628219" y="3480553"/>
                <a:ext cx="56444" cy="27940"/>
              </a:xfrm>
              <a:custGeom>
                <a:avLst/>
                <a:gdLst>
                  <a:gd name="connsiteX0" fmla="*/ 0 w 56444"/>
                  <a:gd name="connsiteY0" fmla="*/ 5187 h 27940"/>
                  <a:gd name="connsiteX1" fmla="*/ 61112 w 56444"/>
                  <a:gd name="connsiteY1" fmla="*/ 0 h 27940"/>
                  <a:gd name="connsiteX2" fmla="*/ 63209 w 56444"/>
                  <a:gd name="connsiteY2" fmla="*/ 24219 h 27940"/>
                  <a:gd name="connsiteX3" fmla="*/ 2097 w 56444"/>
                  <a:gd name="connsiteY3" fmla="*/ 29406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27940">
                    <a:moveTo>
                      <a:pt x="0" y="5187"/>
                    </a:moveTo>
                    <a:lnTo>
                      <a:pt x="61112" y="0"/>
                    </a:lnTo>
                    <a:lnTo>
                      <a:pt x="63209" y="24219"/>
                    </a:lnTo>
                    <a:lnTo>
                      <a:pt x="2097" y="2940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17" name="Vrije vorm 205">
                <a:extLst>
                  <a:ext uri="{FF2B5EF4-FFF2-40B4-BE49-F238E27FC236}">
                    <a16:creationId xmlns="" xmlns:a16="http://schemas.microsoft.com/office/drawing/2014/main" id="{55895603-F3F6-4BBC-B3D3-7099960ED11C}"/>
                  </a:ext>
                </a:extLst>
              </p:cNvPr>
              <p:cNvSpPr/>
              <p:nvPr/>
            </p:nvSpPr>
            <p:spPr>
              <a:xfrm>
                <a:off x="4633091" y="3516609"/>
                <a:ext cx="56444" cy="37253"/>
              </a:xfrm>
              <a:custGeom>
                <a:avLst/>
                <a:gdLst>
                  <a:gd name="connsiteX0" fmla="*/ 0 w 56444"/>
                  <a:gd name="connsiteY0" fmla="*/ 5465 h 37253"/>
                  <a:gd name="connsiteX1" fmla="*/ 61336 w 56444"/>
                  <a:gd name="connsiteY1" fmla="*/ 0 h 37253"/>
                  <a:gd name="connsiteX2" fmla="*/ 64647 w 56444"/>
                  <a:gd name="connsiteY2" fmla="*/ 36415 h 37253"/>
                  <a:gd name="connsiteX3" fmla="*/ 3310 w 56444"/>
                  <a:gd name="connsiteY3" fmla="*/ 41880 h 372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37253">
                    <a:moveTo>
                      <a:pt x="0" y="5465"/>
                    </a:moveTo>
                    <a:lnTo>
                      <a:pt x="61336" y="0"/>
                    </a:lnTo>
                    <a:lnTo>
                      <a:pt x="64647" y="36415"/>
                    </a:lnTo>
                    <a:lnTo>
                      <a:pt x="3310" y="41880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305" name="Tekstvak 193">
              <a:extLst>
                <a:ext uri="{FF2B5EF4-FFF2-40B4-BE49-F238E27FC236}">
                  <a16:creationId xmlns="" xmlns:a16="http://schemas.microsoft.com/office/drawing/2014/main" id="{CE305DD8-95D3-4E1B-A80A-E8E86053C428}"/>
                </a:ext>
              </a:extLst>
            </p:cNvPr>
            <p:cNvSpPr txBox="1"/>
            <p:nvPr/>
          </p:nvSpPr>
          <p:spPr>
            <a:xfrm>
              <a:off x="999010" y="6384662"/>
              <a:ext cx="803851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Список литературы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318" name="Groep 178">
            <a:extLst>
              <a:ext uri="{FF2B5EF4-FFF2-40B4-BE49-F238E27FC236}">
                <a16:creationId xmlns="" xmlns:a16="http://schemas.microsoft.com/office/drawing/2014/main" id="{20CCC298-C69C-4024-9AA5-6E0864ECFD0F}"/>
              </a:ext>
            </a:extLst>
          </p:cNvPr>
          <p:cNvGrpSpPr/>
          <p:nvPr userDrawn="1"/>
        </p:nvGrpSpPr>
        <p:grpSpPr>
          <a:xfrm>
            <a:off x="4792110" y="6455151"/>
            <a:ext cx="1299431" cy="205629"/>
            <a:chOff x="1983484" y="6455150"/>
            <a:chExt cx="974573" cy="205629"/>
          </a:xfrm>
        </p:grpSpPr>
        <p:sp>
          <p:nvSpPr>
            <p:cNvPr id="319" name="Graphic 27">
              <a:extLst>
                <a:ext uri="{FF2B5EF4-FFF2-40B4-BE49-F238E27FC236}">
                  <a16:creationId xmlns="" xmlns:a16="http://schemas.microsoft.com/office/drawing/2014/main" id="{8D3681B2-3BBE-4021-A4EC-80AF58FE4FF0}"/>
                </a:ext>
              </a:extLst>
            </p:cNvPr>
            <p:cNvSpPr/>
            <p:nvPr/>
          </p:nvSpPr>
          <p:spPr>
            <a:xfrm>
              <a:off x="1983484" y="6455150"/>
              <a:ext cx="205629" cy="205629"/>
            </a:xfrm>
            <a:custGeom>
              <a:avLst/>
              <a:gdLst>
                <a:gd name="connsiteX0" fmla="*/ 140538 w 279400"/>
                <a:gd name="connsiteY0" fmla="*/ 109245 h 279400"/>
                <a:gd name="connsiteX1" fmla="*/ 194276 w 279400"/>
                <a:gd name="connsiteY1" fmla="*/ 0 h 279400"/>
                <a:gd name="connsiteX2" fmla="*/ 235255 w 279400"/>
                <a:gd name="connsiteY2" fmla="*/ 22445 h 279400"/>
                <a:gd name="connsiteX3" fmla="*/ 164567 w 279400"/>
                <a:gd name="connsiteY3" fmla="*/ 124426 h 279400"/>
                <a:gd name="connsiteX4" fmla="*/ 279400 w 279400"/>
                <a:gd name="connsiteY4" fmla="*/ 114833 h 279400"/>
                <a:gd name="connsiteX5" fmla="*/ 279400 w 279400"/>
                <a:gd name="connsiteY5" fmla="*/ 161400 h 279400"/>
                <a:gd name="connsiteX6" fmla="*/ 165405 w 279400"/>
                <a:gd name="connsiteY6" fmla="*/ 152552 h 279400"/>
                <a:gd name="connsiteX7" fmla="*/ 234417 w 279400"/>
                <a:gd name="connsiteY7" fmla="*/ 256117 h 279400"/>
                <a:gd name="connsiteX8" fmla="*/ 192693 w 279400"/>
                <a:gd name="connsiteY8" fmla="*/ 277817 h 279400"/>
                <a:gd name="connsiteX9" fmla="*/ 140538 w 279400"/>
                <a:gd name="connsiteY9" fmla="*/ 166988 h 279400"/>
                <a:gd name="connsiteX10" fmla="*/ 85869 w 279400"/>
                <a:gd name="connsiteY10" fmla="*/ 279400 h 279400"/>
                <a:gd name="connsiteX11" fmla="*/ 45728 w 279400"/>
                <a:gd name="connsiteY11" fmla="*/ 256117 h 279400"/>
                <a:gd name="connsiteX12" fmla="*/ 115578 w 279400"/>
                <a:gd name="connsiteY12" fmla="*/ 153391 h 279400"/>
                <a:gd name="connsiteX13" fmla="*/ 0 w 279400"/>
                <a:gd name="connsiteY13" fmla="*/ 161400 h 279400"/>
                <a:gd name="connsiteX14" fmla="*/ 0 w 279400"/>
                <a:gd name="connsiteY14" fmla="*/ 114833 h 279400"/>
                <a:gd name="connsiteX15" fmla="*/ 116417 w 279400"/>
                <a:gd name="connsiteY15" fmla="*/ 124426 h 279400"/>
                <a:gd name="connsiteX16" fmla="*/ 43400 w 279400"/>
                <a:gd name="connsiteY16" fmla="*/ 23283 h 279400"/>
                <a:gd name="connsiteX17" fmla="*/ 85869 w 279400"/>
                <a:gd name="connsiteY17" fmla="*/ 0 h 279400"/>
                <a:gd name="connsiteX18" fmla="*/ 140538 w 279400"/>
                <a:gd name="connsiteY18" fmla="*/ 109245 h 279400"/>
                <a:gd name="connsiteX19" fmla="*/ 140538 w 279400"/>
                <a:gd name="connsiteY19" fmla="*/ 109245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79400" h="279400">
                  <a:moveTo>
                    <a:pt x="140538" y="109245"/>
                  </a:moveTo>
                  <a:lnTo>
                    <a:pt x="194276" y="0"/>
                  </a:lnTo>
                  <a:lnTo>
                    <a:pt x="235255" y="22445"/>
                  </a:lnTo>
                  <a:lnTo>
                    <a:pt x="164567" y="124426"/>
                  </a:lnTo>
                  <a:lnTo>
                    <a:pt x="279400" y="114833"/>
                  </a:lnTo>
                  <a:lnTo>
                    <a:pt x="279400" y="161400"/>
                  </a:lnTo>
                  <a:lnTo>
                    <a:pt x="165405" y="152552"/>
                  </a:lnTo>
                  <a:lnTo>
                    <a:pt x="234417" y="256117"/>
                  </a:lnTo>
                  <a:lnTo>
                    <a:pt x="192693" y="277817"/>
                  </a:lnTo>
                  <a:lnTo>
                    <a:pt x="140538" y="166988"/>
                  </a:lnTo>
                  <a:lnTo>
                    <a:pt x="85869" y="279400"/>
                  </a:lnTo>
                  <a:lnTo>
                    <a:pt x="45728" y="256117"/>
                  </a:lnTo>
                  <a:lnTo>
                    <a:pt x="115578" y="153391"/>
                  </a:lnTo>
                  <a:lnTo>
                    <a:pt x="0" y="161400"/>
                  </a:lnTo>
                  <a:lnTo>
                    <a:pt x="0" y="114833"/>
                  </a:lnTo>
                  <a:lnTo>
                    <a:pt x="116417" y="124426"/>
                  </a:lnTo>
                  <a:lnTo>
                    <a:pt x="43400" y="23283"/>
                  </a:lnTo>
                  <a:lnTo>
                    <a:pt x="85869" y="0"/>
                  </a:lnTo>
                  <a:lnTo>
                    <a:pt x="140538" y="109245"/>
                  </a:lnTo>
                  <a:lnTo>
                    <a:pt x="140538" y="109245"/>
                  </a:lnTo>
                  <a:close/>
                </a:path>
              </a:pathLst>
            </a:custGeom>
            <a:solidFill>
              <a:schemeClr val="tx1"/>
            </a:solidFill>
            <a:ln w="920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20" name="Tekstvak 191">
              <a:extLst>
                <a:ext uri="{FF2B5EF4-FFF2-40B4-BE49-F238E27FC236}">
                  <a16:creationId xmlns="" xmlns:a16="http://schemas.microsoft.com/office/drawing/2014/main" id="{E8BE3292-3BFF-4DCB-9506-65195F505A33}"/>
                </a:ext>
              </a:extLst>
            </p:cNvPr>
            <p:cNvSpPr txBox="1"/>
            <p:nvPr/>
          </p:nvSpPr>
          <p:spPr>
            <a:xfrm>
              <a:off x="2280564" y="6292003"/>
              <a:ext cx="678170" cy="526306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Подстрочные примечания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321" name="Groep 180">
            <a:extLst>
              <a:ext uri="{FF2B5EF4-FFF2-40B4-BE49-F238E27FC236}">
                <a16:creationId xmlns="" xmlns:a16="http://schemas.microsoft.com/office/drawing/2014/main" id="{F8D1215B-6E10-43E4-BCD7-DB68575E5805}"/>
              </a:ext>
            </a:extLst>
          </p:cNvPr>
          <p:cNvGrpSpPr/>
          <p:nvPr userDrawn="1"/>
        </p:nvGrpSpPr>
        <p:grpSpPr>
          <a:xfrm>
            <a:off x="9028069" y="6452492"/>
            <a:ext cx="1781955" cy="205629"/>
            <a:chOff x="4572000" y="6452491"/>
            <a:chExt cx="1336466" cy="205629"/>
          </a:xfrm>
        </p:grpSpPr>
        <p:grpSp>
          <p:nvGrpSpPr>
            <p:cNvPr id="322" name="Graphic 16">
              <a:extLst>
                <a:ext uri="{FF2B5EF4-FFF2-40B4-BE49-F238E27FC236}">
                  <a16:creationId xmlns="" xmlns:a16="http://schemas.microsoft.com/office/drawing/2014/main" id="{DD26C2AE-A79D-4A6F-924A-8590B7739994}"/>
                </a:ext>
              </a:extLst>
            </p:cNvPr>
            <p:cNvGrpSpPr/>
            <p:nvPr userDrawn="1"/>
          </p:nvGrpSpPr>
          <p:grpSpPr>
            <a:xfrm>
              <a:off x="4572000" y="6452491"/>
              <a:ext cx="413013" cy="205629"/>
              <a:chOff x="4292488" y="3289296"/>
              <a:chExt cx="561184" cy="279400"/>
            </a:xfrm>
            <a:solidFill>
              <a:schemeClr val="tx1"/>
            </a:solidFill>
          </p:grpSpPr>
          <p:sp>
            <p:nvSpPr>
              <p:cNvPr id="324" name="Vrije vorm 183">
                <a:extLst>
                  <a:ext uri="{FF2B5EF4-FFF2-40B4-BE49-F238E27FC236}">
                    <a16:creationId xmlns="" xmlns:a16="http://schemas.microsoft.com/office/drawing/2014/main" id="{48BF3A6D-FB42-4E99-B4DA-092A680C7D38}"/>
                  </a:ext>
                </a:extLst>
              </p:cNvPr>
              <p:cNvSpPr/>
              <p:nvPr userDrawn="1"/>
            </p:nvSpPr>
            <p:spPr>
              <a:xfrm>
                <a:off x="4378789" y="3496331"/>
                <a:ext cx="85241" cy="18627"/>
              </a:xfrm>
              <a:custGeom>
                <a:avLst/>
                <a:gdLst>
                  <a:gd name="connsiteX0" fmla="*/ 91490 w 85240"/>
                  <a:gd name="connsiteY0" fmla="*/ 9318 h 18626"/>
                  <a:gd name="connsiteX1" fmla="*/ 84580 w 85240"/>
                  <a:gd name="connsiteY1" fmla="*/ 92 h 18626"/>
                  <a:gd name="connsiteX2" fmla="*/ 83061 w 85240"/>
                  <a:gd name="connsiteY2" fmla="*/ 5 h 18626"/>
                  <a:gd name="connsiteX3" fmla="*/ 8523 w 85240"/>
                  <a:gd name="connsiteY3" fmla="*/ 5 h 18626"/>
                  <a:gd name="connsiteX4" fmla="*/ 5 w 85240"/>
                  <a:gd name="connsiteY4" fmla="*/ 7825 h 18626"/>
                  <a:gd name="connsiteX5" fmla="*/ 93 w 85240"/>
                  <a:gd name="connsiteY5" fmla="*/ 9318 h 18626"/>
                  <a:gd name="connsiteX6" fmla="*/ 4261 w 85240"/>
                  <a:gd name="connsiteY6" fmla="*/ 15651 h 18626"/>
                  <a:gd name="connsiteX7" fmla="*/ 15247 w 85240"/>
                  <a:gd name="connsiteY7" fmla="*/ 23009 h 18626"/>
                  <a:gd name="connsiteX8" fmla="*/ 35421 w 85240"/>
                  <a:gd name="connsiteY8" fmla="*/ 24965 h 18626"/>
                  <a:gd name="connsiteX9" fmla="*/ 78515 w 85240"/>
                  <a:gd name="connsiteY9" fmla="*/ 24965 h 18626"/>
                  <a:gd name="connsiteX10" fmla="*/ 90448 w 85240"/>
                  <a:gd name="connsiteY10" fmla="*/ 15651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85240" h="18626">
                    <a:moveTo>
                      <a:pt x="91490" y="9318"/>
                    </a:moveTo>
                    <a:cubicBezTo>
                      <a:pt x="92173" y="4894"/>
                      <a:pt x="89079" y="763"/>
                      <a:pt x="84580" y="92"/>
                    </a:cubicBezTo>
                    <a:cubicBezTo>
                      <a:pt x="84077" y="17"/>
                      <a:pt x="83569" y="-12"/>
                      <a:pt x="83061" y="5"/>
                    </a:cubicBezTo>
                    <a:lnTo>
                      <a:pt x="8523" y="5"/>
                    </a:lnTo>
                    <a:cubicBezTo>
                      <a:pt x="3974" y="-149"/>
                      <a:pt x="161" y="3352"/>
                      <a:pt x="5" y="7825"/>
                    </a:cubicBezTo>
                    <a:cubicBezTo>
                      <a:pt x="-13" y="8324"/>
                      <a:pt x="17" y="8824"/>
                      <a:pt x="93" y="9318"/>
                    </a:cubicBezTo>
                    <a:cubicBezTo>
                      <a:pt x="1029" y="11687"/>
                      <a:pt x="2447" y="13842"/>
                      <a:pt x="4261" y="15651"/>
                    </a:cubicBezTo>
                    <a:cubicBezTo>
                      <a:pt x="7003" y="19223"/>
                      <a:pt x="10863" y="21808"/>
                      <a:pt x="15247" y="23009"/>
                    </a:cubicBezTo>
                    <a:cubicBezTo>
                      <a:pt x="21904" y="24217"/>
                      <a:pt x="28652" y="24872"/>
                      <a:pt x="35421" y="24965"/>
                    </a:cubicBezTo>
                    <a:lnTo>
                      <a:pt x="78515" y="24965"/>
                    </a:lnTo>
                    <a:cubicBezTo>
                      <a:pt x="84179" y="24877"/>
                      <a:pt x="89076" y="21056"/>
                      <a:pt x="90448" y="15651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25" name="Vrije vorm 184">
                <a:extLst>
                  <a:ext uri="{FF2B5EF4-FFF2-40B4-BE49-F238E27FC236}">
                    <a16:creationId xmlns="" xmlns:a16="http://schemas.microsoft.com/office/drawing/2014/main" id="{0ACDC551-A1CB-40BD-A763-E93846F9BCFC}"/>
                  </a:ext>
                </a:extLst>
              </p:cNvPr>
              <p:cNvSpPr/>
              <p:nvPr userDrawn="1"/>
            </p:nvSpPr>
            <p:spPr>
              <a:xfrm>
                <a:off x="4321394" y="3394350"/>
                <a:ext cx="142068" cy="18627"/>
              </a:xfrm>
              <a:custGeom>
                <a:avLst/>
                <a:gdLst>
                  <a:gd name="connsiteX0" fmla="*/ 148886 w 142067"/>
                  <a:gd name="connsiteY0" fmla="*/ 9318 h 18626"/>
                  <a:gd name="connsiteX1" fmla="*/ 141975 w 142067"/>
                  <a:gd name="connsiteY1" fmla="*/ 92 h 18626"/>
                  <a:gd name="connsiteX2" fmla="*/ 140456 w 142067"/>
                  <a:gd name="connsiteY2" fmla="*/ 5 h 18626"/>
                  <a:gd name="connsiteX3" fmla="*/ 8523 w 142067"/>
                  <a:gd name="connsiteY3" fmla="*/ 5 h 18626"/>
                  <a:gd name="connsiteX4" fmla="*/ 5 w 142067"/>
                  <a:gd name="connsiteY4" fmla="*/ 7825 h 18626"/>
                  <a:gd name="connsiteX5" fmla="*/ 93 w 142067"/>
                  <a:gd name="connsiteY5" fmla="*/ 9318 h 18626"/>
                  <a:gd name="connsiteX6" fmla="*/ 4261 w 142067"/>
                  <a:gd name="connsiteY6" fmla="*/ 15651 h 18626"/>
                  <a:gd name="connsiteX7" fmla="*/ 15247 w 142067"/>
                  <a:gd name="connsiteY7" fmla="*/ 23009 h 18626"/>
                  <a:gd name="connsiteX8" fmla="*/ 35326 w 142067"/>
                  <a:gd name="connsiteY8" fmla="*/ 25337 h 18626"/>
                  <a:gd name="connsiteX9" fmla="*/ 135910 w 142067"/>
                  <a:gd name="connsiteY9" fmla="*/ 25337 h 18626"/>
                  <a:gd name="connsiteX10" fmla="*/ 147844 w 142067"/>
                  <a:gd name="connsiteY10" fmla="*/ 15558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42067" h="18626">
                    <a:moveTo>
                      <a:pt x="148886" y="9318"/>
                    </a:moveTo>
                    <a:cubicBezTo>
                      <a:pt x="149568" y="4894"/>
                      <a:pt x="146474" y="763"/>
                      <a:pt x="141975" y="92"/>
                    </a:cubicBezTo>
                    <a:cubicBezTo>
                      <a:pt x="141473" y="17"/>
                      <a:pt x="140964" y="-12"/>
                      <a:pt x="140456" y="5"/>
                    </a:cubicBezTo>
                    <a:lnTo>
                      <a:pt x="8523" y="5"/>
                    </a:lnTo>
                    <a:cubicBezTo>
                      <a:pt x="3974" y="-149"/>
                      <a:pt x="161" y="3352"/>
                      <a:pt x="5" y="7825"/>
                    </a:cubicBezTo>
                    <a:cubicBezTo>
                      <a:pt x="-13" y="8324"/>
                      <a:pt x="17" y="8824"/>
                      <a:pt x="93" y="9318"/>
                    </a:cubicBezTo>
                    <a:cubicBezTo>
                      <a:pt x="1029" y="11687"/>
                      <a:pt x="2447" y="13842"/>
                      <a:pt x="4261" y="15651"/>
                    </a:cubicBezTo>
                    <a:cubicBezTo>
                      <a:pt x="7003" y="19223"/>
                      <a:pt x="10863" y="21808"/>
                      <a:pt x="15247" y="23009"/>
                    </a:cubicBezTo>
                    <a:cubicBezTo>
                      <a:pt x="21860" y="24347"/>
                      <a:pt x="28578" y="25126"/>
                      <a:pt x="35326" y="25337"/>
                    </a:cubicBezTo>
                    <a:lnTo>
                      <a:pt x="135910" y="25337"/>
                    </a:lnTo>
                    <a:cubicBezTo>
                      <a:pt x="141715" y="25198"/>
                      <a:pt x="146658" y="21147"/>
                      <a:pt x="147844" y="15558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26" name="Vrije vorm 185">
                <a:extLst>
                  <a:ext uri="{FF2B5EF4-FFF2-40B4-BE49-F238E27FC236}">
                    <a16:creationId xmlns="" xmlns:a16="http://schemas.microsoft.com/office/drawing/2014/main" id="{86F7615C-3629-4E1C-BAE7-D60CC0C1E599}"/>
                  </a:ext>
                </a:extLst>
              </p:cNvPr>
              <p:cNvSpPr/>
              <p:nvPr userDrawn="1"/>
            </p:nvSpPr>
            <p:spPr>
              <a:xfrm>
                <a:off x="4350289" y="3444917"/>
                <a:ext cx="113654" cy="18627"/>
              </a:xfrm>
              <a:custGeom>
                <a:avLst/>
                <a:gdLst>
                  <a:gd name="connsiteX0" fmla="*/ 119991 w 113654"/>
                  <a:gd name="connsiteY0" fmla="*/ 9787 h 18626"/>
                  <a:gd name="connsiteX1" fmla="*/ 113644 w 113654"/>
                  <a:gd name="connsiteY1" fmla="*/ 177 h 18626"/>
                  <a:gd name="connsiteX2" fmla="*/ 111561 w 113654"/>
                  <a:gd name="connsiteY2" fmla="*/ 8 h 18626"/>
                  <a:gd name="connsiteX3" fmla="*/ 8609 w 113654"/>
                  <a:gd name="connsiteY3" fmla="*/ 8 h 18626"/>
                  <a:gd name="connsiteX4" fmla="*/ 8 w 113654"/>
                  <a:gd name="connsiteY4" fmla="*/ 7739 h 18626"/>
                  <a:gd name="connsiteX5" fmla="*/ 180 w 113654"/>
                  <a:gd name="connsiteY5" fmla="*/ 9787 h 18626"/>
                  <a:gd name="connsiteX6" fmla="*/ 4347 w 113654"/>
                  <a:gd name="connsiteY6" fmla="*/ 16120 h 18626"/>
                  <a:gd name="connsiteX7" fmla="*/ 15334 w 113654"/>
                  <a:gd name="connsiteY7" fmla="*/ 23478 h 18626"/>
                  <a:gd name="connsiteX8" fmla="*/ 35413 w 113654"/>
                  <a:gd name="connsiteY8" fmla="*/ 25434 h 18626"/>
                  <a:gd name="connsiteX9" fmla="*/ 107299 w 113654"/>
                  <a:gd name="connsiteY9" fmla="*/ 25434 h 18626"/>
                  <a:gd name="connsiteX10" fmla="*/ 119233 w 113654"/>
                  <a:gd name="connsiteY10" fmla="*/ 15655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13654" h="18626">
                    <a:moveTo>
                      <a:pt x="119991" y="9787"/>
                    </a:moveTo>
                    <a:cubicBezTo>
                      <a:pt x="120937" y="5410"/>
                      <a:pt x="118095" y="1108"/>
                      <a:pt x="113644" y="177"/>
                    </a:cubicBezTo>
                    <a:cubicBezTo>
                      <a:pt x="112960" y="34"/>
                      <a:pt x="112260" y="-23"/>
                      <a:pt x="111561" y="8"/>
                    </a:cubicBezTo>
                    <a:lnTo>
                      <a:pt x="8609" y="8"/>
                    </a:lnTo>
                    <a:cubicBezTo>
                      <a:pt x="4063" y="-192"/>
                      <a:pt x="212" y="3269"/>
                      <a:pt x="8" y="7739"/>
                    </a:cubicBezTo>
                    <a:cubicBezTo>
                      <a:pt x="-23" y="8426"/>
                      <a:pt x="35" y="9115"/>
                      <a:pt x="180" y="9787"/>
                    </a:cubicBezTo>
                    <a:cubicBezTo>
                      <a:pt x="1115" y="12156"/>
                      <a:pt x="2534" y="14311"/>
                      <a:pt x="4347" y="16120"/>
                    </a:cubicBezTo>
                    <a:cubicBezTo>
                      <a:pt x="7127" y="19652"/>
                      <a:pt x="10973" y="22228"/>
                      <a:pt x="15334" y="23478"/>
                    </a:cubicBezTo>
                    <a:cubicBezTo>
                      <a:pt x="21965" y="24641"/>
                      <a:pt x="28678" y="25295"/>
                      <a:pt x="35413" y="25434"/>
                    </a:cubicBezTo>
                    <a:lnTo>
                      <a:pt x="107299" y="25434"/>
                    </a:lnTo>
                    <a:cubicBezTo>
                      <a:pt x="113104" y="25295"/>
                      <a:pt x="118047" y="21244"/>
                      <a:pt x="119233" y="15655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27" name="Vrije vorm 186">
                <a:extLst>
                  <a:ext uri="{FF2B5EF4-FFF2-40B4-BE49-F238E27FC236}">
                    <a16:creationId xmlns="" xmlns:a16="http://schemas.microsoft.com/office/drawing/2014/main" id="{6E031649-4084-43E5-BAB4-1AC5CE95A2B1}"/>
                  </a:ext>
                </a:extLst>
              </p:cNvPr>
              <p:cNvSpPr/>
              <p:nvPr userDrawn="1"/>
            </p:nvSpPr>
            <p:spPr>
              <a:xfrm>
                <a:off x="4292488" y="3343296"/>
                <a:ext cx="170481" cy="18627"/>
              </a:xfrm>
              <a:custGeom>
                <a:avLst/>
                <a:gdLst>
                  <a:gd name="connsiteX0" fmla="*/ 177792 w 170481"/>
                  <a:gd name="connsiteY0" fmla="*/ 9334 h 18626"/>
                  <a:gd name="connsiteX1" fmla="*/ 170881 w 170481"/>
                  <a:gd name="connsiteY1" fmla="*/ 108 h 18626"/>
                  <a:gd name="connsiteX2" fmla="*/ 169362 w 170481"/>
                  <a:gd name="connsiteY2" fmla="*/ 21 h 18626"/>
                  <a:gd name="connsiteX3" fmla="*/ 8731 w 170481"/>
                  <a:gd name="connsiteY3" fmla="*/ 21 h 18626"/>
                  <a:gd name="connsiteX4" fmla="*/ 21 w 170481"/>
                  <a:gd name="connsiteY4" fmla="*/ 7434 h 18626"/>
                  <a:gd name="connsiteX5" fmla="*/ 112 w 170481"/>
                  <a:gd name="connsiteY5" fmla="*/ 9334 h 18626"/>
                  <a:gd name="connsiteX6" fmla="*/ 4185 w 170481"/>
                  <a:gd name="connsiteY6" fmla="*/ 15667 h 18626"/>
                  <a:gd name="connsiteX7" fmla="*/ 15171 w 170481"/>
                  <a:gd name="connsiteY7" fmla="*/ 23025 h 18626"/>
                  <a:gd name="connsiteX8" fmla="*/ 35345 w 170481"/>
                  <a:gd name="connsiteY8" fmla="*/ 24981 h 18626"/>
                  <a:gd name="connsiteX9" fmla="*/ 164816 w 170481"/>
                  <a:gd name="connsiteY9" fmla="*/ 24981 h 18626"/>
                  <a:gd name="connsiteX10" fmla="*/ 176750 w 170481"/>
                  <a:gd name="connsiteY10" fmla="*/ 15667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70481" h="18626">
                    <a:moveTo>
                      <a:pt x="177792" y="9334"/>
                    </a:moveTo>
                    <a:cubicBezTo>
                      <a:pt x="178474" y="4910"/>
                      <a:pt x="175380" y="779"/>
                      <a:pt x="170881" y="108"/>
                    </a:cubicBezTo>
                    <a:cubicBezTo>
                      <a:pt x="170379" y="33"/>
                      <a:pt x="169870" y="4"/>
                      <a:pt x="169362" y="21"/>
                    </a:cubicBezTo>
                    <a:lnTo>
                      <a:pt x="8731" y="21"/>
                    </a:lnTo>
                    <a:cubicBezTo>
                      <a:pt x="4244" y="-297"/>
                      <a:pt x="345" y="3022"/>
                      <a:pt x="21" y="7434"/>
                    </a:cubicBezTo>
                    <a:cubicBezTo>
                      <a:pt x="-25" y="8069"/>
                      <a:pt x="5" y="8707"/>
                      <a:pt x="112" y="9334"/>
                    </a:cubicBezTo>
                    <a:cubicBezTo>
                      <a:pt x="1019" y="11695"/>
                      <a:pt x="2405" y="13850"/>
                      <a:pt x="4185" y="15667"/>
                    </a:cubicBezTo>
                    <a:cubicBezTo>
                      <a:pt x="6946" y="19219"/>
                      <a:pt x="10799" y="21799"/>
                      <a:pt x="15171" y="23025"/>
                    </a:cubicBezTo>
                    <a:cubicBezTo>
                      <a:pt x="21828" y="24234"/>
                      <a:pt x="28576" y="24888"/>
                      <a:pt x="35345" y="24981"/>
                    </a:cubicBezTo>
                    <a:lnTo>
                      <a:pt x="164816" y="24981"/>
                    </a:lnTo>
                    <a:cubicBezTo>
                      <a:pt x="170480" y="24894"/>
                      <a:pt x="175377" y="21072"/>
                      <a:pt x="176750" y="15667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328" name="Vrije vorm 187">
                <a:extLst>
                  <a:ext uri="{FF2B5EF4-FFF2-40B4-BE49-F238E27FC236}">
                    <a16:creationId xmlns="" xmlns:a16="http://schemas.microsoft.com/office/drawing/2014/main" id="{BBF4E741-D8DC-4113-8317-7E0862F56407}"/>
                  </a:ext>
                </a:extLst>
              </p:cNvPr>
              <p:cNvSpPr/>
              <p:nvPr userDrawn="1"/>
            </p:nvSpPr>
            <p:spPr>
              <a:xfrm>
                <a:off x="4503238" y="3289296"/>
                <a:ext cx="350434" cy="279400"/>
              </a:xfrm>
              <a:custGeom>
                <a:avLst/>
                <a:gdLst>
                  <a:gd name="connsiteX0" fmla="*/ 342006 w 350433"/>
                  <a:gd name="connsiteY0" fmla="*/ 9317 h 279400"/>
                  <a:gd name="connsiteX1" fmla="*/ 319748 w 350433"/>
                  <a:gd name="connsiteY1" fmla="*/ 4 h 279400"/>
                  <a:gd name="connsiteX2" fmla="*/ 31540 w 350433"/>
                  <a:gd name="connsiteY2" fmla="*/ 4 h 279400"/>
                  <a:gd name="connsiteX3" fmla="*/ 9472 w 350433"/>
                  <a:gd name="connsiteY3" fmla="*/ 9317 h 279400"/>
                  <a:gd name="connsiteX4" fmla="*/ 1 w 350433"/>
                  <a:gd name="connsiteY4" fmla="*/ 31762 h 279400"/>
                  <a:gd name="connsiteX5" fmla="*/ 1 w 350433"/>
                  <a:gd name="connsiteY5" fmla="*/ 247646 h 279400"/>
                  <a:gd name="connsiteX6" fmla="*/ 9472 w 350433"/>
                  <a:gd name="connsiteY6" fmla="*/ 270091 h 279400"/>
                  <a:gd name="connsiteX7" fmla="*/ 31540 w 350433"/>
                  <a:gd name="connsiteY7" fmla="*/ 279404 h 279400"/>
                  <a:gd name="connsiteX8" fmla="*/ 319748 w 350433"/>
                  <a:gd name="connsiteY8" fmla="*/ 279404 h 279400"/>
                  <a:gd name="connsiteX9" fmla="*/ 341911 w 350433"/>
                  <a:gd name="connsiteY9" fmla="*/ 270091 h 279400"/>
                  <a:gd name="connsiteX10" fmla="*/ 351382 w 350433"/>
                  <a:gd name="connsiteY10" fmla="*/ 247646 h 279400"/>
                  <a:gd name="connsiteX11" fmla="*/ 351382 w 350433"/>
                  <a:gd name="connsiteY11" fmla="*/ 31762 h 279400"/>
                  <a:gd name="connsiteX12" fmla="*/ 341911 w 350433"/>
                  <a:gd name="connsiteY12" fmla="*/ 9317 h 279400"/>
                  <a:gd name="connsiteX13" fmla="*/ 317002 w 350433"/>
                  <a:gd name="connsiteY13" fmla="*/ 65197 h 279400"/>
                  <a:gd name="connsiteX14" fmla="*/ 297302 w 350433"/>
                  <a:gd name="connsiteY14" fmla="*/ 88108 h 279400"/>
                  <a:gd name="connsiteX15" fmla="*/ 218785 w 350433"/>
                  <a:gd name="connsiteY15" fmla="*/ 150973 h 279400"/>
                  <a:gd name="connsiteX16" fmla="*/ 211966 w 350433"/>
                  <a:gd name="connsiteY16" fmla="*/ 156841 h 279400"/>
                  <a:gd name="connsiteX17" fmla="*/ 202969 w 350433"/>
                  <a:gd name="connsiteY17" fmla="*/ 164291 h 279400"/>
                  <a:gd name="connsiteX18" fmla="*/ 194255 w 350433"/>
                  <a:gd name="connsiteY18" fmla="*/ 170531 h 279400"/>
                  <a:gd name="connsiteX19" fmla="*/ 184784 w 350433"/>
                  <a:gd name="connsiteY19" fmla="*/ 176026 h 279400"/>
                  <a:gd name="connsiteX20" fmla="*/ 176355 w 350433"/>
                  <a:gd name="connsiteY20" fmla="*/ 177796 h 279400"/>
                  <a:gd name="connsiteX21" fmla="*/ 176355 w 350433"/>
                  <a:gd name="connsiteY21" fmla="*/ 177796 h 279400"/>
                  <a:gd name="connsiteX22" fmla="*/ 167925 w 350433"/>
                  <a:gd name="connsiteY22" fmla="*/ 176026 h 279400"/>
                  <a:gd name="connsiteX23" fmla="*/ 158454 w 350433"/>
                  <a:gd name="connsiteY23" fmla="*/ 170531 h 279400"/>
                  <a:gd name="connsiteX24" fmla="*/ 149740 w 350433"/>
                  <a:gd name="connsiteY24" fmla="*/ 164291 h 279400"/>
                  <a:gd name="connsiteX25" fmla="*/ 140269 w 350433"/>
                  <a:gd name="connsiteY25" fmla="*/ 156841 h 279400"/>
                  <a:gd name="connsiteX26" fmla="*/ 133355 w 350433"/>
                  <a:gd name="connsiteY26" fmla="*/ 150973 h 279400"/>
                  <a:gd name="connsiteX27" fmla="*/ 54555 w 350433"/>
                  <a:gd name="connsiteY27" fmla="*/ 88108 h 279400"/>
                  <a:gd name="connsiteX28" fmla="*/ 26141 w 350433"/>
                  <a:gd name="connsiteY28" fmla="*/ 31762 h 279400"/>
                  <a:gd name="connsiteX29" fmla="*/ 28036 w 350433"/>
                  <a:gd name="connsiteY29" fmla="*/ 27292 h 279400"/>
                  <a:gd name="connsiteX30" fmla="*/ 32392 w 350433"/>
                  <a:gd name="connsiteY30" fmla="*/ 25429 h 279400"/>
                  <a:gd name="connsiteX31" fmla="*/ 319748 w 350433"/>
                  <a:gd name="connsiteY31" fmla="*/ 25429 h 279400"/>
                  <a:gd name="connsiteX32" fmla="*/ 322495 w 350433"/>
                  <a:gd name="connsiteY32" fmla="*/ 25429 h 279400"/>
                  <a:gd name="connsiteX33" fmla="*/ 324294 w 350433"/>
                  <a:gd name="connsiteY33" fmla="*/ 26920 h 279400"/>
                  <a:gd name="connsiteX34" fmla="*/ 325336 w 350433"/>
                  <a:gd name="connsiteY34" fmla="*/ 28689 h 279400"/>
                  <a:gd name="connsiteX35" fmla="*/ 325905 w 350433"/>
                  <a:gd name="connsiteY35" fmla="*/ 31204 h 279400"/>
                  <a:gd name="connsiteX36" fmla="*/ 325905 w 350433"/>
                  <a:gd name="connsiteY36" fmla="*/ 33718 h 279400"/>
                  <a:gd name="connsiteX37" fmla="*/ 325905 w 350433"/>
                  <a:gd name="connsiteY37" fmla="*/ 39120 h 279400"/>
                  <a:gd name="connsiteX38" fmla="*/ 316433 w 350433"/>
                  <a:gd name="connsiteY38" fmla="*/ 65197 h 279400"/>
                  <a:gd name="connsiteX39" fmla="*/ 323726 w 350433"/>
                  <a:gd name="connsiteY39" fmla="*/ 252116 h 279400"/>
                  <a:gd name="connsiteX40" fmla="*/ 319275 w 350433"/>
                  <a:gd name="connsiteY40" fmla="*/ 253979 h 279400"/>
                  <a:gd name="connsiteX41" fmla="*/ 31540 w 350433"/>
                  <a:gd name="connsiteY41" fmla="*/ 253979 h 279400"/>
                  <a:gd name="connsiteX42" fmla="*/ 27183 w 350433"/>
                  <a:gd name="connsiteY42" fmla="*/ 252116 h 279400"/>
                  <a:gd name="connsiteX43" fmla="*/ 25289 w 350433"/>
                  <a:gd name="connsiteY43" fmla="*/ 247646 h 279400"/>
                  <a:gd name="connsiteX44" fmla="*/ 25289 w 350433"/>
                  <a:gd name="connsiteY44" fmla="*/ 95279 h 279400"/>
                  <a:gd name="connsiteX45" fmla="*/ 38833 w 350433"/>
                  <a:gd name="connsiteY45" fmla="*/ 108318 h 279400"/>
                  <a:gd name="connsiteX46" fmla="*/ 122274 w 350433"/>
                  <a:gd name="connsiteY46" fmla="*/ 175374 h 279400"/>
                  <a:gd name="connsiteX47" fmla="*/ 138470 w 350433"/>
                  <a:gd name="connsiteY47" fmla="*/ 188692 h 279400"/>
                  <a:gd name="connsiteX48" fmla="*/ 155423 w 350433"/>
                  <a:gd name="connsiteY48" fmla="*/ 198005 h 279400"/>
                  <a:gd name="connsiteX49" fmla="*/ 175502 w 350433"/>
                  <a:gd name="connsiteY49" fmla="*/ 202848 h 279400"/>
                  <a:gd name="connsiteX50" fmla="*/ 175502 w 350433"/>
                  <a:gd name="connsiteY50" fmla="*/ 202848 h 279400"/>
                  <a:gd name="connsiteX51" fmla="*/ 195581 w 350433"/>
                  <a:gd name="connsiteY51" fmla="*/ 198005 h 279400"/>
                  <a:gd name="connsiteX52" fmla="*/ 212534 w 350433"/>
                  <a:gd name="connsiteY52" fmla="*/ 188692 h 279400"/>
                  <a:gd name="connsiteX53" fmla="*/ 228825 w 350433"/>
                  <a:gd name="connsiteY53" fmla="*/ 175374 h 279400"/>
                  <a:gd name="connsiteX54" fmla="*/ 312266 w 350433"/>
                  <a:gd name="connsiteY54" fmla="*/ 108318 h 279400"/>
                  <a:gd name="connsiteX55" fmla="*/ 325715 w 350433"/>
                  <a:gd name="connsiteY55" fmla="*/ 95279 h 279400"/>
                  <a:gd name="connsiteX56" fmla="*/ 325715 w 350433"/>
                  <a:gd name="connsiteY56" fmla="*/ 247646 h 279400"/>
                  <a:gd name="connsiteX57" fmla="*/ 323916 w 350433"/>
                  <a:gd name="connsiteY57" fmla="*/ 252116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</a:cxnLst>
                <a:rect l="l" t="t" r="r" b="b"/>
                <a:pathLst>
                  <a:path w="350433" h="279400">
                    <a:moveTo>
                      <a:pt x="342006" y="9317"/>
                    </a:moveTo>
                    <a:cubicBezTo>
                      <a:pt x="336263" y="3252"/>
                      <a:pt x="328174" y="-133"/>
                      <a:pt x="319748" y="4"/>
                    </a:cubicBezTo>
                    <a:lnTo>
                      <a:pt x="31540" y="4"/>
                    </a:lnTo>
                    <a:cubicBezTo>
                      <a:pt x="23170" y="-127"/>
                      <a:pt x="15142" y="3261"/>
                      <a:pt x="9472" y="9317"/>
                    </a:cubicBezTo>
                    <a:cubicBezTo>
                      <a:pt x="3351" y="15227"/>
                      <a:pt x="-67" y="23327"/>
                      <a:pt x="1" y="31762"/>
                    </a:cubicBezTo>
                    <a:lnTo>
                      <a:pt x="1" y="247646"/>
                    </a:lnTo>
                    <a:cubicBezTo>
                      <a:pt x="-67" y="256081"/>
                      <a:pt x="3351" y="264181"/>
                      <a:pt x="9472" y="270091"/>
                    </a:cubicBezTo>
                    <a:cubicBezTo>
                      <a:pt x="15142" y="276147"/>
                      <a:pt x="23170" y="279535"/>
                      <a:pt x="31540" y="279404"/>
                    </a:cubicBezTo>
                    <a:lnTo>
                      <a:pt x="319748" y="279404"/>
                    </a:lnTo>
                    <a:cubicBezTo>
                      <a:pt x="328141" y="279514"/>
                      <a:pt x="336191" y="276132"/>
                      <a:pt x="341911" y="270091"/>
                    </a:cubicBezTo>
                    <a:cubicBezTo>
                      <a:pt x="348041" y="264187"/>
                      <a:pt x="351461" y="256083"/>
                      <a:pt x="351382" y="247646"/>
                    </a:cubicBezTo>
                    <a:lnTo>
                      <a:pt x="351382" y="31762"/>
                    </a:lnTo>
                    <a:cubicBezTo>
                      <a:pt x="351461" y="23325"/>
                      <a:pt x="348041" y="15221"/>
                      <a:pt x="341911" y="9317"/>
                    </a:cubicBezTo>
                    <a:moveTo>
                      <a:pt x="317002" y="65197"/>
                    </a:moveTo>
                    <a:cubicBezTo>
                      <a:pt x="311769" y="73854"/>
                      <a:pt x="305112" y="81596"/>
                      <a:pt x="297302" y="88108"/>
                    </a:cubicBezTo>
                    <a:lnTo>
                      <a:pt x="218785" y="150973"/>
                    </a:lnTo>
                    <a:lnTo>
                      <a:pt x="211966" y="156841"/>
                    </a:lnTo>
                    <a:cubicBezTo>
                      <a:pt x="208178" y="160100"/>
                      <a:pt x="205147" y="162615"/>
                      <a:pt x="202969" y="164291"/>
                    </a:cubicBezTo>
                    <a:cubicBezTo>
                      <a:pt x="200790" y="165968"/>
                      <a:pt x="197854" y="168110"/>
                      <a:pt x="194255" y="170531"/>
                    </a:cubicBezTo>
                    <a:cubicBezTo>
                      <a:pt x="191316" y="172704"/>
                      <a:pt x="188139" y="174547"/>
                      <a:pt x="184784" y="176026"/>
                    </a:cubicBezTo>
                    <a:cubicBezTo>
                      <a:pt x="182122" y="177162"/>
                      <a:pt x="179256" y="177764"/>
                      <a:pt x="176355" y="177796"/>
                    </a:cubicBezTo>
                    <a:lnTo>
                      <a:pt x="176355" y="177796"/>
                    </a:lnTo>
                    <a:cubicBezTo>
                      <a:pt x="173455" y="177744"/>
                      <a:pt x="170593" y="177144"/>
                      <a:pt x="167925" y="176026"/>
                    </a:cubicBezTo>
                    <a:cubicBezTo>
                      <a:pt x="164578" y="174532"/>
                      <a:pt x="161403" y="172690"/>
                      <a:pt x="158454" y="170531"/>
                    </a:cubicBezTo>
                    <a:cubicBezTo>
                      <a:pt x="154855" y="168110"/>
                      <a:pt x="151919" y="166061"/>
                      <a:pt x="149740" y="164291"/>
                    </a:cubicBezTo>
                    <a:cubicBezTo>
                      <a:pt x="147562" y="162522"/>
                      <a:pt x="144531" y="160100"/>
                      <a:pt x="140269" y="156841"/>
                    </a:cubicBezTo>
                    <a:lnTo>
                      <a:pt x="133355" y="150973"/>
                    </a:lnTo>
                    <a:cubicBezTo>
                      <a:pt x="106078" y="129180"/>
                      <a:pt x="79812" y="108225"/>
                      <a:pt x="54555" y="88108"/>
                    </a:cubicBezTo>
                    <a:cubicBezTo>
                      <a:pt x="36570" y="74789"/>
                      <a:pt x="26037" y="53902"/>
                      <a:pt x="26141" y="31762"/>
                    </a:cubicBezTo>
                    <a:cubicBezTo>
                      <a:pt x="26135" y="30082"/>
                      <a:pt x="26818" y="28471"/>
                      <a:pt x="28036" y="27292"/>
                    </a:cubicBezTo>
                    <a:cubicBezTo>
                      <a:pt x="29134" y="26065"/>
                      <a:pt x="30731" y="25382"/>
                      <a:pt x="32392" y="25429"/>
                    </a:cubicBezTo>
                    <a:lnTo>
                      <a:pt x="319748" y="25429"/>
                    </a:lnTo>
                    <a:cubicBezTo>
                      <a:pt x="320652" y="25226"/>
                      <a:pt x="321591" y="25226"/>
                      <a:pt x="322495" y="25429"/>
                    </a:cubicBezTo>
                    <a:cubicBezTo>
                      <a:pt x="323248" y="25714"/>
                      <a:pt x="323881" y="26239"/>
                      <a:pt x="324294" y="26920"/>
                    </a:cubicBezTo>
                    <a:lnTo>
                      <a:pt x="325336" y="28689"/>
                    </a:lnTo>
                    <a:cubicBezTo>
                      <a:pt x="325767" y="29456"/>
                      <a:pt x="325965" y="30329"/>
                      <a:pt x="325905" y="31204"/>
                    </a:cubicBezTo>
                    <a:cubicBezTo>
                      <a:pt x="325905" y="32321"/>
                      <a:pt x="325905" y="33159"/>
                      <a:pt x="325905" y="33718"/>
                    </a:cubicBezTo>
                    <a:lnTo>
                      <a:pt x="325905" y="39120"/>
                    </a:lnTo>
                    <a:cubicBezTo>
                      <a:pt x="325266" y="48508"/>
                      <a:pt x="321987" y="57536"/>
                      <a:pt x="316433" y="65197"/>
                    </a:cubicBezTo>
                    <a:moveTo>
                      <a:pt x="323726" y="252116"/>
                    </a:moveTo>
                    <a:cubicBezTo>
                      <a:pt x="322563" y="253308"/>
                      <a:pt x="320955" y="253981"/>
                      <a:pt x="319275" y="253979"/>
                    </a:cubicBezTo>
                    <a:lnTo>
                      <a:pt x="31540" y="253979"/>
                    </a:lnTo>
                    <a:cubicBezTo>
                      <a:pt x="29888" y="253977"/>
                      <a:pt x="28311" y="253303"/>
                      <a:pt x="27183" y="252116"/>
                    </a:cubicBezTo>
                    <a:cubicBezTo>
                      <a:pt x="25983" y="250926"/>
                      <a:pt x="25303" y="249322"/>
                      <a:pt x="25289" y="247646"/>
                    </a:cubicBezTo>
                    <a:lnTo>
                      <a:pt x="25289" y="95279"/>
                    </a:lnTo>
                    <a:cubicBezTo>
                      <a:pt x="29420" y="99995"/>
                      <a:pt x="33951" y="104356"/>
                      <a:pt x="38833" y="108318"/>
                    </a:cubicBezTo>
                    <a:cubicBezTo>
                      <a:pt x="73813" y="135575"/>
                      <a:pt x="101627" y="157927"/>
                      <a:pt x="122274" y="175374"/>
                    </a:cubicBezTo>
                    <a:cubicBezTo>
                      <a:pt x="128904" y="181148"/>
                      <a:pt x="134302" y="185526"/>
                      <a:pt x="138470" y="188692"/>
                    </a:cubicBezTo>
                    <a:cubicBezTo>
                      <a:pt x="143769" y="192380"/>
                      <a:pt x="149452" y="195502"/>
                      <a:pt x="155423" y="198005"/>
                    </a:cubicBezTo>
                    <a:cubicBezTo>
                      <a:pt x="161690" y="201004"/>
                      <a:pt x="168535" y="202655"/>
                      <a:pt x="175502" y="202848"/>
                    </a:cubicBezTo>
                    <a:lnTo>
                      <a:pt x="175502" y="202848"/>
                    </a:lnTo>
                    <a:cubicBezTo>
                      <a:pt x="182470" y="202663"/>
                      <a:pt x="189317" y="201012"/>
                      <a:pt x="195581" y="198005"/>
                    </a:cubicBezTo>
                    <a:cubicBezTo>
                      <a:pt x="201552" y="195502"/>
                      <a:pt x="207236" y="192380"/>
                      <a:pt x="212534" y="188692"/>
                    </a:cubicBezTo>
                    <a:cubicBezTo>
                      <a:pt x="216702" y="185526"/>
                      <a:pt x="222006" y="181148"/>
                      <a:pt x="228825" y="175374"/>
                    </a:cubicBezTo>
                    <a:cubicBezTo>
                      <a:pt x="249472" y="157989"/>
                      <a:pt x="277286" y="135637"/>
                      <a:pt x="312266" y="108318"/>
                    </a:cubicBezTo>
                    <a:cubicBezTo>
                      <a:pt x="317117" y="104355"/>
                      <a:pt x="321617" y="99993"/>
                      <a:pt x="325715" y="95279"/>
                    </a:cubicBezTo>
                    <a:lnTo>
                      <a:pt x="325715" y="247646"/>
                    </a:lnTo>
                    <a:cubicBezTo>
                      <a:pt x="325736" y="249310"/>
                      <a:pt x="325090" y="250916"/>
                      <a:pt x="323916" y="252116"/>
                    </a:cubicBezTo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323" name="Tekstvak 182">
              <a:extLst>
                <a:ext uri="{FF2B5EF4-FFF2-40B4-BE49-F238E27FC236}">
                  <a16:creationId xmlns="" xmlns:a16="http://schemas.microsoft.com/office/drawing/2014/main" id="{6FAA9223-C0B9-4EC9-A2A6-ED17D9569868}"/>
                </a:ext>
              </a:extLst>
            </p:cNvPr>
            <p:cNvSpPr txBox="1"/>
            <p:nvPr userDrawn="1"/>
          </p:nvSpPr>
          <p:spPr>
            <a:xfrm>
              <a:off x="5084416" y="6205837"/>
              <a:ext cx="824874" cy="70174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Отправить письмо по электронной почте</a:t>
              </a:r>
            </a:p>
          </p:txBody>
        </p:sp>
      </p:grpSp>
      <p:grpSp>
        <p:nvGrpSpPr>
          <p:cNvPr id="329" name="Group 328">
            <a:extLst>
              <a:ext uri="{FF2B5EF4-FFF2-40B4-BE49-F238E27FC236}">
                <a16:creationId xmlns="" xmlns:a16="http://schemas.microsoft.com/office/drawing/2014/main" id="{AA933C04-69B9-46E1-8410-B48D66FC4E79}"/>
              </a:ext>
            </a:extLst>
          </p:cNvPr>
          <p:cNvGrpSpPr/>
          <p:nvPr userDrawn="1"/>
        </p:nvGrpSpPr>
        <p:grpSpPr>
          <a:xfrm>
            <a:off x="7399317" y="6440973"/>
            <a:ext cx="1538929" cy="205629"/>
            <a:chOff x="4439927" y="6440972"/>
            <a:chExt cx="1154197" cy="205629"/>
          </a:xfrm>
        </p:grpSpPr>
        <p:sp>
          <p:nvSpPr>
            <p:cNvPr id="330" name="Graphic 71">
              <a:extLst>
                <a:ext uri="{FF2B5EF4-FFF2-40B4-BE49-F238E27FC236}">
                  <a16:creationId xmlns="" xmlns:a16="http://schemas.microsoft.com/office/drawing/2014/main" id="{F98920BC-F623-47EF-B313-EC35E5FD498B}"/>
                </a:ext>
              </a:extLst>
            </p:cNvPr>
            <p:cNvSpPr/>
            <p:nvPr userDrawn="1"/>
          </p:nvSpPr>
          <p:spPr>
            <a:xfrm>
              <a:off x="4439927" y="6440972"/>
              <a:ext cx="168242" cy="205629"/>
            </a:xfrm>
            <a:custGeom>
              <a:avLst/>
              <a:gdLst>
                <a:gd name="connsiteX0" fmla="*/ 230429 w 228600"/>
                <a:gd name="connsiteY0" fmla="*/ 268131 h 279400"/>
                <a:gd name="connsiteX1" fmla="*/ 230429 w 228600"/>
                <a:gd name="connsiteY1" fmla="*/ 190086 h 279400"/>
                <a:gd name="connsiteX2" fmla="*/ 219456 w 228600"/>
                <a:gd name="connsiteY2" fmla="*/ 178816 h 279400"/>
                <a:gd name="connsiteX3" fmla="*/ 186538 w 228600"/>
                <a:gd name="connsiteY3" fmla="*/ 178816 h 279400"/>
                <a:gd name="connsiteX4" fmla="*/ 186538 w 228600"/>
                <a:gd name="connsiteY4" fmla="*/ 134112 h 279400"/>
                <a:gd name="connsiteX5" fmla="*/ 120701 w 228600"/>
                <a:gd name="connsiteY5" fmla="*/ 134112 h 279400"/>
                <a:gd name="connsiteX6" fmla="*/ 120701 w 228600"/>
                <a:gd name="connsiteY6" fmla="*/ 100584 h 279400"/>
                <a:gd name="connsiteX7" fmla="*/ 153436 w 228600"/>
                <a:gd name="connsiteY7" fmla="*/ 100584 h 279400"/>
                <a:gd name="connsiteX8" fmla="*/ 164592 w 228600"/>
                <a:gd name="connsiteY8" fmla="*/ 89409 h 279400"/>
                <a:gd name="connsiteX9" fmla="*/ 164592 w 228600"/>
                <a:gd name="connsiteY9" fmla="*/ 89315 h 279400"/>
                <a:gd name="connsiteX10" fmla="*/ 164592 w 228600"/>
                <a:gd name="connsiteY10" fmla="*/ 11270 h 279400"/>
                <a:gd name="connsiteX11" fmla="*/ 153528 w 228600"/>
                <a:gd name="connsiteY11" fmla="*/ 0 h 279400"/>
                <a:gd name="connsiteX12" fmla="*/ 153436 w 228600"/>
                <a:gd name="connsiteY12" fmla="*/ 0 h 279400"/>
                <a:gd name="connsiteX13" fmla="*/ 76992 w 228600"/>
                <a:gd name="connsiteY13" fmla="*/ 0 h 279400"/>
                <a:gd name="connsiteX14" fmla="*/ 65837 w 228600"/>
                <a:gd name="connsiteY14" fmla="*/ 11176 h 279400"/>
                <a:gd name="connsiteX15" fmla="*/ 65837 w 228600"/>
                <a:gd name="connsiteY15" fmla="*/ 11270 h 279400"/>
                <a:gd name="connsiteX16" fmla="*/ 65837 w 228600"/>
                <a:gd name="connsiteY16" fmla="*/ 89315 h 279400"/>
                <a:gd name="connsiteX17" fmla="*/ 76901 w 228600"/>
                <a:gd name="connsiteY17" fmla="*/ 100585 h 279400"/>
                <a:gd name="connsiteX18" fmla="*/ 76992 w 228600"/>
                <a:gd name="connsiteY18" fmla="*/ 100584 h 279400"/>
                <a:gd name="connsiteX19" fmla="*/ 109728 w 228600"/>
                <a:gd name="connsiteY19" fmla="*/ 100584 h 279400"/>
                <a:gd name="connsiteX20" fmla="*/ 109728 w 228600"/>
                <a:gd name="connsiteY20" fmla="*/ 134112 h 279400"/>
                <a:gd name="connsiteX21" fmla="*/ 43891 w 228600"/>
                <a:gd name="connsiteY21" fmla="*/ 134112 h 279400"/>
                <a:gd name="connsiteX22" fmla="*/ 43891 w 228600"/>
                <a:gd name="connsiteY22" fmla="*/ 178816 h 279400"/>
                <a:gd name="connsiteX23" fmla="*/ 11156 w 228600"/>
                <a:gd name="connsiteY23" fmla="*/ 178816 h 279400"/>
                <a:gd name="connsiteX24" fmla="*/ 0 w 228600"/>
                <a:gd name="connsiteY24" fmla="*/ 189992 h 279400"/>
                <a:gd name="connsiteX25" fmla="*/ 0 w 228600"/>
                <a:gd name="connsiteY25" fmla="*/ 190086 h 279400"/>
                <a:gd name="connsiteX26" fmla="*/ 0 w 228600"/>
                <a:gd name="connsiteY26" fmla="*/ 268131 h 279400"/>
                <a:gd name="connsiteX27" fmla="*/ 11064 w 228600"/>
                <a:gd name="connsiteY27" fmla="*/ 279401 h 279400"/>
                <a:gd name="connsiteX28" fmla="*/ 11156 w 228600"/>
                <a:gd name="connsiteY28" fmla="*/ 279400 h 279400"/>
                <a:gd name="connsiteX29" fmla="*/ 87600 w 228600"/>
                <a:gd name="connsiteY29" fmla="*/ 279400 h 279400"/>
                <a:gd name="connsiteX30" fmla="*/ 98755 w 228600"/>
                <a:gd name="connsiteY30" fmla="*/ 268225 h 279400"/>
                <a:gd name="connsiteX31" fmla="*/ 98755 w 228600"/>
                <a:gd name="connsiteY31" fmla="*/ 268131 h 279400"/>
                <a:gd name="connsiteX32" fmla="*/ 98755 w 228600"/>
                <a:gd name="connsiteY32" fmla="*/ 190086 h 279400"/>
                <a:gd name="connsiteX33" fmla="*/ 87691 w 228600"/>
                <a:gd name="connsiteY33" fmla="*/ 178816 h 279400"/>
                <a:gd name="connsiteX34" fmla="*/ 87600 w 228600"/>
                <a:gd name="connsiteY34" fmla="*/ 178816 h 279400"/>
                <a:gd name="connsiteX35" fmla="*/ 54864 w 228600"/>
                <a:gd name="connsiteY35" fmla="*/ 178816 h 279400"/>
                <a:gd name="connsiteX36" fmla="*/ 54864 w 228600"/>
                <a:gd name="connsiteY36" fmla="*/ 145288 h 279400"/>
                <a:gd name="connsiteX37" fmla="*/ 175565 w 228600"/>
                <a:gd name="connsiteY37" fmla="*/ 145288 h 279400"/>
                <a:gd name="connsiteX38" fmla="*/ 175565 w 228600"/>
                <a:gd name="connsiteY38" fmla="*/ 178816 h 279400"/>
                <a:gd name="connsiteX39" fmla="*/ 142829 w 228600"/>
                <a:gd name="connsiteY39" fmla="*/ 178816 h 279400"/>
                <a:gd name="connsiteX40" fmla="*/ 131674 w 228600"/>
                <a:gd name="connsiteY40" fmla="*/ 189992 h 279400"/>
                <a:gd name="connsiteX41" fmla="*/ 131674 w 228600"/>
                <a:gd name="connsiteY41" fmla="*/ 190086 h 279400"/>
                <a:gd name="connsiteX42" fmla="*/ 131674 w 228600"/>
                <a:gd name="connsiteY42" fmla="*/ 268131 h 279400"/>
                <a:gd name="connsiteX43" fmla="*/ 142737 w 228600"/>
                <a:gd name="connsiteY43" fmla="*/ 279401 h 279400"/>
                <a:gd name="connsiteX44" fmla="*/ 142829 w 228600"/>
                <a:gd name="connsiteY44" fmla="*/ 279400 h 279400"/>
                <a:gd name="connsiteX45" fmla="*/ 219456 w 228600"/>
                <a:gd name="connsiteY45" fmla="*/ 279400 h 279400"/>
                <a:gd name="connsiteX46" fmla="*/ 230611 w 228600"/>
                <a:gd name="connsiteY46" fmla="*/ 268225 h 279400"/>
                <a:gd name="connsiteX47" fmla="*/ 230612 w 228600"/>
                <a:gd name="connsiteY47" fmla="*/ 268131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</a:cxnLst>
              <a:rect l="l" t="t" r="r" b="b"/>
              <a:pathLst>
                <a:path w="228600" h="279400">
                  <a:moveTo>
                    <a:pt x="230429" y="268131"/>
                  </a:moveTo>
                  <a:lnTo>
                    <a:pt x="230429" y="190086"/>
                  </a:lnTo>
                  <a:cubicBezTo>
                    <a:pt x="230429" y="183898"/>
                    <a:pt x="225531" y="178868"/>
                    <a:pt x="219456" y="178816"/>
                  </a:cubicBezTo>
                  <a:lnTo>
                    <a:pt x="186538" y="178816"/>
                  </a:lnTo>
                  <a:lnTo>
                    <a:pt x="186538" y="134112"/>
                  </a:lnTo>
                  <a:lnTo>
                    <a:pt x="120701" y="134112"/>
                  </a:lnTo>
                  <a:lnTo>
                    <a:pt x="120701" y="100584"/>
                  </a:lnTo>
                  <a:lnTo>
                    <a:pt x="153436" y="100584"/>
                  </a:lnTo>
                  <a:cubicBezTo>
                    <a:pt x="159547" y="100636"/>
                    <a:pt x="164541" y="95632"/>
                    <a:pt x="164592" y="89409"/>
                  </a:cubicBezTo>
                  <a:cubicBezTo>
                    <a:pt x="164592" y="89378"/>
                    <a:pt x="164592" y="89346"/>
                    <a:pt x="164592" y="89315"/>
                  </a:cubicBezTo>
                  <a:lnTo>
                    <a:pt x="164592" y="11270"/>
                  </a:lnTo>
                  <a:cubicBezTo>
                    <a:pt x="164592" y="5046"/>
                    <a:pt x="159639" y="0"/>
                    <a:pt x="153528" y="0"/>
                  </a:cubicBezTo>
                  <a:cubicBezTo>
                    <a:pt x="153498" y="0"/>
                    <a:pt x="153467" y="0"/>
                    <a:pt x="153436" y="0"/>
                  </a:cubicBezTo>
                  <a:lnTo>
                    <a:pt x="76992" y="0"/>
                  </a:lnTo>
                  <a:cubicBezTo>
                    <a:pt x="70882" y="-51"/>
                    <a:pt x="65888" y="4952"/>
                    <a:pt x="65837" y="11176"/>
                  </a:cubicBezTo>
                  <a:cubicBezTo>
                    <a:pt x="65837" y="11207"/>
                    <a:pt x="65837" y="11238"/>
                    <a:pt x="65837" y="11270"/>
                  </a:cubicBezTo>
                  <a:lnTo>
                    <a:pt x="65837" y="89315"/>
                  </a:lnTo>
                  <a:cubicBezTo>
                    <a:pt x="65837" y="95539"/>
                    <a:pt x="70790" y="100585"/>
                    <a:pt x="76901" y="100585"/>
                  </a:cubicBezTo>
                  <a:cubicBezTo>
                    <a:pt x="76931" y="100585"/>
                    <a:pt x="76962" y="100585"/>
                    <a:pt x="76992" y="100584"/>
                  </a:cubicBezTo>
                  <a:lnTo>
                    <a:pt x="109728" y="100584"/>
                  </a:lnTo>
                  <a:lnTo>
                    <a:pt x="109728" y="134112"/>
                  </a:lnTo>
                  <a:lnTo>
                    <a:pt x="43891" y="134112"/>
                  </a:lnTo>
                  <a:lnTo>
                    <a:pt x="43891" y="178816"/>
                  </a:lnTo>
                  <a:lnTo>
                    <a:pt x="11156" y="178816"/>
                  </a:lnTo>
                  <a:cubicBezTo>
                    <a:pt x="5045" y="178765"/>
                    <a:pt x="51" y="183768"/>
                    <a:pt x="0" y="189992"/>
                  </a:cubicBezTo>
                  <a:cubicBezTo>
                    <a:pt x="0" y="190023"/>
                    <a:pt x="0" y="190054"/>
                    <a:pt x="0" y="190086"/>
                  </a:cubicBezTo>
                  <a:lnTo>
                    <a:pt x="0" y="268131"/>
                  </a:lnTo>
                  <a:cubicBezTo>
                    <a:pt x="0" y="274355"/>
                    <a:pt x="4953" y="279401"/>
                    <a:pt x="11064" y="279401"/>
                  </a:cubicBezTo>
                  <a:cubicBezTo>
                    <a:pt x="11094" y="279401"/>
                    <a:pt x="11125" y="279401"/>
                    <a:pt x="11156" y="279400"/>
                  </a:cubicBezTo>
                  <a:lnTo>
                    <a:pt x="87600" y="279400"/>
                  </a:lnTo>
                  <a:cubicBezTo>
                    <a:pt x="93710" y="279452"/>
                    <a:pt x="98704" y="274448"/>
                    <a:pt x="98755" y="268225"/>
                  </a:cubicBezTo>
                  <a:cubicBezTo>
                    <a:pt x="98755" y="268194"/>
                    <a:pt x="98755" y="268162"/>
                    <a:pt x="98755" y="268131"/>
                  </a:cubicBezTo>
                  <a:lnTo>
                    <a:pt x="98755" y="190086"/>
                  </a:lnTo>
                  <a:cubicBezTo>
                    <a:pt x="98755" y="183862"/>
                    <a:pt x="93802" y="178816"/>
                    <a:pt x="87691" y="178816"/>
                  </a:cubicBezTo>
                  <a:cubicBezTo>
                    <a:pt x="87661" y="178816"/>
                    <a:pt x="87630" y="178816"/>
                    <a:pt x="87600" y="178816"/>
                  </a:cubicBezTo>
                  <a:lnTo>
                    <a:pt x="54864" y="178816"/>
                  </a:lnTo>
                  <a:lnTo>
                    <a:pt x="54864" y="145288"/>
                  </a:lnTo>
                  <a:lnTo>
                    <a:pt x="175565" y="145288"/>
                  </a:lnTo>
                  <a:lnTo>
                    <a:pt x="175565" y="178816"/>
                  </a:lnTo>
                  <a:lnTo>
                    <a:pt x="142829" y="178816"/>
                  </a:lnTo>
                  <a:cubicBezTo>
                    <a:pt x="136719" y="178765"/>
                    <a:pt x="131724" y="183768"/>
                    <a:pt x="131674" y="189992"/>
                  </a:cubicBezTo>
                  <a:cubicBezTo>
                    <a:pt x="131674" y="190023"/>
                    <a:pt x="131674" y="190054"/>
                    <a:pt x="131674" y="190086"/>
                  </a:cubicBezTo>
                  <a:lnTo>
                    <a:pt x="131674" y="268131"/>
                  </a:lnTo>
                  <a:cubicBezTo>
                    <a:pt x="131673" y="274355"/>
                    <a:pt x="136627" y="279401"/>
                    <a:pt x="142737" y="279401"/>
                  </a:cubicBezTo>
                  <a:cubicBezTo>
                    <a:pt x="142768" y="279401"/>
                    <a:pt x="142799" y="279401"/>
                    <a:pt x="142829" y="279400"/>
                  </a:cubicBezTo>
                  <a:lnTo>
                    <a:pt x="219456" y="279400"/>
                  </a:lnTo>
                  <a:cubicBezTo>
                    <a:pt x="225566" y="279452"/>
                    <a:pt x="230561" y="274448"/>
                    <a:pt x="230611" y="268225"/>
                  </a:cubicBezTo>
                  <a:cubicBezTo>
                    <a:pt x="230612" y="268194"/>
                    <a:pt x="230612" y="268162"/>
                    <a:pt x="230612" y="268131"/>
                  </a:cubicBezTo>
                </a:path>
              </a:pathLst>
            </a:custGeom>
            <a:solidFill>
              <a:schemeClr val="tx1"/>
            </a:solidFill>
            <a:ln w="914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accent2"/>
                </a:solidFill>
              </a:endParaRPr>
            </a:p>
          </p:txBody>
        </p:sp>
        <p:sp>
          <p:nvSpPr>
            <p:cNvPr id="331" name="Tekstvak 149">
              <a:extLst>
                <a:ext uri="{FF2B5EF4-FFF2-40B4-BE49-F238E27FC236}">
                  <a16:creationId xmlns="" xmlns:a16="http://schemas.microsoft.com/office/drawing/2014/main" id="{07EF310E-D4E5-4A4A-9756-31D82B1DD96C}"/>
                </a:ext>
              </a:extLst>
            </p:cNvPr>
            <p:cNvSpPr txBox="1"/>
            <p:nvPr userDrawn="1"/>
          </p:nvSpPr>
          <p:spPr>
            <a:xfrm>
              <a:off x="4696928" y="6365541"/>
              <a:ext cx="898093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Дизайн исследования</a:t>
              </a:r>
            </a:p>
          </p:txBody>
        </p:sp>
      </p:grpSp>
      <p:grpSp>
        <p:nvGrpSpPr>
          <p:cNvPr id="332" name="Group 331">
            <a:extLst>
              <a:ext uri="{FF2B5EF4-FFF2-40B4-BE49-F238E27FC236}">
                <a16:creationId xmlns="" xmlns:a16="http://schemas.microsoft.com/office/drawing/2014/main" id="{21F52400-AFA5-4E70-BDE3-3FEB03185C19}"/>
              </a:ext>
            </a:extLst>
          </p:cNvPr>
          <p:cNvGrpSpPr/>
          <p:nvPr userDrawn="1"/>
        </p:nvGrpSpPr>
        <p:grpSpPr>
          <a:xfrm>
            <a:off x="3756424" y="6455150"/>
            <a:ext cx="1427357" cy="199392"/>
            <a:chOff x="2097837" y="6611131"/>
            <a:chExt cx="1070518" cy="199392"/>
          </a:xfrm>
        </p:grpSpPr>
        <p:sp>
          <p:nvSpPr>
            <p:cNvPr id="333" name="Vrije vorm 194">
              <a:extLst>
                <a:ext uri="{FF2B5EF4-FFF2-40B4-BE49-F238E27FC236}">
                  <a16:creationId xmlns="" xmlns:a16="http://schemas.microsoft.com/office/drawing/2014/main" id="{8C758355-06BB-4DA2-8FEB-B0CDF01F5273}"/>
                </a:ext>
              </a:extLst>
            </p:cNvPr>
            <p:cNvSpPr/>
            <p:nvPr userDrawn="1"/>
          </p:nvSpPr>
          <p:spPr>
            <a:xfrm>
              <a:off x="2097837" y="6789960"/>
              <a:ext cx="41541" cy="20563"/>
            </a:xfrm>
            <a:custGeom>
              <a:avLst/>
              <a:gdLst>
                <a:gd name="connsiteX0" fmla="*/ 0 w 56444"/>
                <a:gd name="connsiteY0" fmla="*/ 0 h 27940"/>
                <a:gd name="connsiteX1" fmla="*/ 61336 w 56444"/>
                <a:gd name="connsiteY1" fmla="*/ 0 h 27940"/>
                <a:gd name="connsiteX2" fmla="*/ 61336 w 56444"/>
                <a:gd name="connsiteY2" fmla="*/ 36415 h 27940"/>
                <a:gd name="connsiteX3" fmla="*/ 0 w 56444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27940">
                  <a:moveTo>
                    <a:pt x="0" y="0"/>
                  </a:moveTo>
                  <a:lnTo>
                    <a:pt x="61336" y="0"/>
                  </a:lnTo>
                  <a:lnTo>
                    <a:pt x="61336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34" name="Vrije vorm 195">
              <a:extLst>
                <a:ext uri="{FF2B5EF4-FFF2-40B4-BE49-F238E27FC236}">
                  <a16:creationId xmlns="" xmlns:a16="http://schemas.microsoft.com/office/drawing/2014/main" id="{16ABF955-5F45-40A7-A73E-B1BAECDDDE89}"/>
                </a:ext>
              </a:extLst>
            </p:cNvPr>
            <p:cNvSpPr/>
            <p:nvPr userDrawn="1"/>
          </p:nvSpPr>
          <p:spPr>
            <a:xfrm>
              <a:off x="2097837" y="6763091"/>
              <a:ext cx="41541" cy="13709"/>
            </a:xfrm>
            <a:custGeom>
              <a:avLst/>
              <a:gdLst>
                <a:gd name="connsiteX0" fmla="*/ 0 w 56444"/>
                <a:gd name="connsiteY0" fmla="*/ 0 h 18626"/>
                <a:gd name="connsiteX1" fmla="*/ 61336 w 56444"/>
                <a:gd name="connsiteY1" fmla="*/ 0 h 18626"/>
                <a:gd name="connsiteX2" fmla="*/ 61336 w 56444"/>
                <a:gd name="connsiteY2" fmla="*/ 24308 h 18626"/>
                <a:gd name="connsiteX3" fmla="*/ 0 w 56444"/>
                <a:gd name="connsiteY3" fmla="*/ 24308 h 18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18626">
                  <a:moveTo>
                    <a:pt x="0" y="0"/>
                  </a:moveTo>
                  <a:lnTo>
                    <a:pt x="61336" y="0"/>
                  </a:lnTo>
                  <a:lnTo>
                    <a:pt x="61336" y="24308"/>
                  </a:lnTo>
                  <a:lnTo>
                    <a:pt x="0" y="24308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35" name="Vrije vorm 196">
              <a:extLst>
                <a:ext uri="{FF2B5EF4-FFF2-40B4-BE49-F238E27FC236}">
                  <a16:creationId xmlns="" xmlns:a16="http://schemas.microsoft.com/office/drawing/2014/main" id="{FB0ABC5B-4485-4FC2-8B9A-DE7867BA195C}"/>
                </a:ext>
              </a:extLst>
            </p:cNvPr>
            <p:cNvSpPr/>
            <p:nvPr userDrawn="1"/>
          </p:nvSpPr>
          <p:spPr>
            <a:xfrm>
              <a:off x="2097837" y="6673711"/>
              <a:ext cx="41541" cy="75398"/>
            </a:xfrm>
            <a:custGeom>
              <a:avLst/>
              <a:gdLst>
                <a:gd name="connsiteX0" fmla="*/ 0 w 56444"/>
                <a:gd name="connsiteY0" fmla="*/ 0 h 102446"/>
                <a:gd name="connsiteX1" fmla="*/ 61336 w 56444"/>
                <a:gd name="connsiteY1" fmla="*/ 0 h 102446"/>
                <a:gd name="connsiteX2" fmla="*/ 61336 w 56444"/>
                <a:gd name="connsiteY2" fmla="*/ 109339 h 102446"/>
                <a:gd name="connsiteX3" fmla="*/ 0 w 56444"/>
                <a:gd name="connsiteY3" fmla="*/ 109339 h 1024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102446">
                  <a:moveTo>
                    <a:pt x="0" y="0"/>
                  </a:moveTo>
                  <a:lnTo>
                    <a:pt x="61336" y="0"/>
                  </a:lnTo>
                  <a:lnTo>
                    <a:pt x="61336" y="109339"/>
                  </a:lnTo>
                  <a:lnTo>
                    <a:pt x="0" y="109339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36" name="Vrije vorm 197">
              <a:extLst>
                <a:ext uri="{FF2B5EF4-FFF2-40B4-BE49-F238E27FC236}">
                  <a16:creationId xmlns="" xmlns:a16="http://schemas.microsoft.com/office/drawing/2014/main" id="{E13C7C8A-8EA2-4939-AFB7-FE8B4EB616FE}"/>
                </a:ext>
              </a:extLst>
            </p:cNvPr>
            <p:cNvSpPr/>
            <p:nvPr userDrawn="1"/>
          </p:nvSpPr>
          <p:spPr>
            <a:xfrm>
              <a:off x="2097837" y="6629021"/>
              <a:ext cx="41541" cy="34272"/>
            </a:xfrm>
            <a:custGeom>
              <a:avLst/>
              <a:gdLst>
                <a:gd name="connsiteX0" fmla="*/ 0 w 56444"/>
                <a:gd name="connsiteY0" fmla="*/ 0 h 46566"/>
                <a:gd name="connsiteX1" fmla="*/ 61336 w 56444"/>
                <a:gd name="connsiteY1" fmla="*/ 0 h 46566"/>
                <a:gd name="connsiteX2" fmla="*/ 61336 w 56444"/>
                <a:gd name="connsiteY2" fmla="*/ 48616 h 46566"/>
                <a:gd name="connsiteX3" fmla="*/ 0 w 56444"/>
                <a:gd name="connsiteY3" fmla="*/ 48616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46566">
                  <a:moveTo>
                    <a:pt x="0" y="0"/>
                  </a:moveTo>
                  <a:lnTo>
                    <a:pt x="61336" y="0"/>
                  </a:lnTo>
                  <a:lnTo>
                    <a:pt x="61336" y="48616"/>
                  </a:lnTo>
                  <a:lnTo>
                    <a:pt x="0" y="4861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37" name="Vrije vorm 198">
              <a:extLst>
                <a:ext uri="{FF2B5EF4-FFF2-40B4-BE49-F238E27FC236}">
                  <a16:creationId xmlns="" xmlns:a16="http://schemas.microsoft.com/office/drawing/2014/main" id="{422D635E-AD31-46AD-802D-F4628F605FB0}"/>
                </a:ext>
              </a:extLst>
            </p:cNvPr>
            <p:cNvSpPr/>
            <p:nvPr userDrawn="1"/>
          </p:nvSpPr>
          <p:spPr>
            <a:xfrm>
              <a:off x="2152048" y="6789960"/>
              <a:ext cx="48465" cy="20563"/>
            </a:xfrm>
            <a:custGeom>
              <a:avLst/>
              <a:gdLst>
                <a:gd name="connsiteX0" fmla="*/ 0 w 65851"/>
                <a:gd name="connsiteY0" fmla="*/ 0 h 27940"/>
                <a:gd name="connsiteX1" fmla="*/ 73660 w 65851"/>
                <a:gd name="connsiteY1" fmla="*/ 0 h 27940"/>
                <a:gd name="connsiteX2" fmla="*/ 73660 w 65851"/>
                <a:gd name="connsiteY2" fmla="*/ 36415 h 27940"/>
                <a:gd name="connsiteX3" fmla="*/ 0 w 65851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27940">
                  <a:moveTo>
                    <a:pt x="0" y="0"/>
                  </a:moveTo>
                  <a:lnTo>
                    <a:pt x="73660" y="0"/>
                  </a:lnTo>
                  <a:lnTo>
                    <a:pt x="73660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38" name="Vrije vorm 199">
              <a:extLst>
                <a:ext uri="{FF2B5EF4-FFF2-40B4-BE49-F238E27FC236}">
                  <a16:creationId xmlns="" xmlns:a16="http://schemas.microsoft.com/office/drawing/2014/main" id="{155EFC4B-6A74-4835-9280-1049CC584CD2}"/>
                </a:ext>
              </a:extLst>
            </p:cNvPr>
            <p:cNvSpPr/>
            <p:nvPr userDrawn="1"/>
          </p:nvSpPr>
          <p:spPr>
            <a:xfrm>
              <a:off x="2152049" y="6754179"/>
              <a:ext cx="48465" cy="20563"/>
            </a:xfrm>
            <a:custGeom>
              <a:avLst/>
              <a:gdLst>
                <a:gd name="connsiteX0" fmla="*/ 0 w 65851"/>
                <a:gd name="connsiteY0" fmla="*/ 0 h 27940"/>
                <a:gd name="connsiteX1" fmla="*/ 73660 w 65851"/>
                <a:gd name="connsiteY1" fmla="*/ 0 h 27940"/>
                <a:gd name="connsiteX2" fmla="*/ 73660 w 65851"/>
                <a:gd name="connsiteY2" fmla="*/ 36415 h 27940"/>
                <a:gd name="connsiteX3" fmla="*/ 0 w 65851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27940">
                  <a:moveTo>
                    <a:pt x="0" y="0"/>
                  </a:moveTo>
                  <a:lnTo>
                    <a:pt x="73660" y="0"/>
                  </a:lnTo>
                  <a:lnTo>
                    <a:pt x="73660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39" name="Vrije vorm 200">
              <a:extLst>
                <a:ext uri="{FF2B5EF4-FFF2-40B4-BE49-F238E27FC236}">
                  <a16:creationId xmlns="" xmlns:a16="http://schemas.microsoft.com/office/drawing/2014/main" id="{9C065C82-B01B-4926-9AB9-3CC37B32C6E2}"/>
                </a:ext>
              </a:extLst>
            </p:cNvPr>
            <p:cNvSpPr/>
            <p:nvPr userDrawn="1"/>
          </p:nvSpPr>
          <p:spPr>
            <a:xfrm>
              <a:off x="2152048" y="6655821"/>
              <a:ext cx="48465" cy="89106"/>
            </a:xfrm>
            <a:custGeom>
              <a:avLst/>
              <a:gdLst>
                <a:gd name="connsiteX0" fmla="*/ 0 w 65851"/>
                <a:gd name="connsiteY0" fmla="*/ 0 h 121073"/>
                <a:gd name="connsiteX1" fmla="*/ 73660 w 65851"/>
                <a:gd name="connsiteY1" fmla="*/ 0 h 121073"/>
                <a:gd name="connsiteX2" fmla="*/ 73660 w 65851"/>
                <a:gd name="connsiteY2" fmla="*/ 121446 h 121073"/>
                <a:gd name="connsiteX3" fmla="*/ 0 w 65851"/>
                <a:gd name="connsiteY3" fmla="*/ 121446 h 1210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121072">
                  <a:moveTo>
                    <a:pt x="0" y="0"/>
                  </a:moveTo>
                  <a:lnTo>
                    <a:pt x="73660" y="0"/>
                  </a:lnTo>
                  <a:lnTo>
                    <a:pt x="73660" y="121446"/>
                  </a:lnTo>
                  <a:lnTo>
                    <a:pt x="0" y="12144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40" name="Vrije vorm 201">
              <a:extLst>
                <a:ext uri="{FF2B5EF4-FFF2-40B4-BE49-F238E27FC236}">
                  <a16:creationId xmlns="" xmlns:a16="http://schemas.microsoft.com/office/drawing/2014/main" id="{B1AFA169-391C-41CC-A9D5-7FA970CDE16D}"/>
                </a:ext>
              </a:extLst>
            </p:cNvPr>
            <p:cNvSpPr/>
            <p:nvPr userDrawn="1"/>
          </p:nvSpPr>
          <p:spPr>
            <a:xfrm>
              <a:off x="2152048" y="6611131"/>
              <a:ext cx="48465" cy="34272"/>
            </a:xfrm>
            <a:custGeom>
              <a:avLst/>
              <a:gdLst>
                <a:gd name="connsiteX0" fmla="*/ 0 w 65851"/>
                <a:gd name="connsiteY0" fmla="*/ 0 h 46566"/>
                <a:gd name="connsiteX1" fmla="*/ 73660 w 65851"/>
                <a:gd name="connsiteY1" fmla="*/ 0 h 46566"/>
                <a:gd name="connsiteX2" fmla="*/ 73660 w 65851"/>
                <a:gd name="connsiteY2" fmla="*/ 48616 h 46566"/>
                <a:gd name="connsiteX3" fmla="*/ 0 w 65851"/>
                <a:gd name="connsiteY3" fmla="*/ 48616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46566">
                  <a:moveTo>
                    <a:pt x="0" y="0"/>
                  </a:moveTo>
                  <a:lnTo>
                    <a:pt x="73660" y="0"/>
                  </a:lnTo>
                  <a:lnTo>
                    <a:pt x="73660" y="48616"/>
                  </a:lnTo>
                  <a:lnTo>
                    <a:pt x="0" y="4861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41" name="Vrije vorm 202">
              <a:extLst>
                <a:ext uri="{FF2B5EF4-FFF2-40B4-BE49-F238E27FC236}">
                  <a16:creationId xmlns="" xmlns:a16="http://schemas.microsoft.com/office/drawing/2014/main" id="{0061FBE2-1D5D-4D89-B95A-BEB1D3C1AECB}"/>
                </a:ext>
              </a:extLst>
            </p:cNvPr>
            <p:cNvSpPr/>
            <p:nvPr userDrawn="1"/>
          </p:nvSpPr>
          <p:spPr>
            <a:xfrm>
              <a:off x="2221055" y="6618327"/>
              <a:ext cx="41541" cy="34272"/>
            </a:xfrm>
            <a:custGeom>
              <a:avLst/>
              <a:gdLst>
                <a:gd name="connsiteX0" fmla="*/ 0 w 56444"/>
                <a:gd name="connsiteY0" fmla="*/ 5187 h 46566"/>
                <a:gd name="connsiteX1" fmla="*/ 61112 w 56444"/>
                <a:gd name="connsiteY1" fmla="*/ 0 h 46566"/>
                <a:gd name="connsiteX2" fmla="*/ 65307 w 56444"/>
                <a:gd name="connsiteY2" fmla="*/ 48438 h 46566"/>
                <a:gd name="connsiteX3" fmla="*/ 4195 w 56444"/>
                <a:gd name="connsiteY3" fmla="*/ 53625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46566">
                  <a:moveTo>
                    <a:pt x="0" y="5187"/>
                  </a:moveTo>
                  <a:lnTo>
                    <a:pt x="61112" y="0"/>
                  </a:lnTo>
                  <a:lnTo>
                    <a:pt x="65307" y="48438"/>
                  </a:lnTo>
                  <a:lnTo>
                    <a:pt x="4195" y="5362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42" name="Vrije vorm 203">
              <a:extLst>
                <a:ext uri="{FF2B5EF4-FFF2-40B4-BE49-F238E27FC236}">
                  <a16:creationId xmlns="" xmlns:a16="http://schemas.microsoft.com/office/drawing/2014/main" id="{40C4B8CF-C65C-4C41-9A46-DA649A847CA1}"/>
                </a:ext>
              </a:extLst>
            </p:cNvPr>
            <p:cNvSpPr/>
            <p:nvPr userDrawn="1"/>
          </p:nvSpPr>
          <p:spPr>
            <a:xfrm>
              <a:off x="2224997" y="6662805"/>
              <a:ext cx="48465" cy="82252"/>
            </a:xfrm>
            <a:custGeom>
              <a:avLst/>
              <a:gdLst>
                <a:gd name="connsiteX0" fmla="*/ 0 w 65851"/>
                <a:gd name="connsiteY0" fmla="*/ 5176 h 111760"/>
                <a:gd name="connsiteX1" fmla="*/ 61113 w 65851"/>
                <a:gd name="connsiteY1" fmla="*/ 0 h 111760"/>
                <a:gd name="connsiteX2" fmla="*/ 70528 w 65851"/>
                <a:gd name="connsiteY2" fmla="*/ 108941 h 111760"/>
                <a:gd name="connsiteX3" fmla="*/ 9414 w 65851"/>
                <a:gd name="connsiteY3" fmla="*/ 114117 h 1117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111760">
                  <a:moveTo>
                    <a:pt x="0" y="5176"/>
                  </a:moveTo>
                  <a:lnTo>
                    <a:pt x="61113" y="0"/>
                  </a:lnTo>
                  <a:lnTo>
                    <a:pt x="70528" y="108941"/>
                  </a:lnTo>
                  <a:lnTo>
                    <a:pt x="9414" y="114117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43" name="Vrije vorm 204">
              <a:extLst>
                <a:ext uri="{FF2B5EF4-FFF2-40B4-BE49-F238E27FC236}">
                  <a16:creationId xmlns="" xmlns:a16="http://schemas.microsoft.com/office/drawing/2014/main" id="{FCC1C2B8-42A6-42FF-80AC-6203F94BFC58}"/>
                </a:ext>
              </a:extLst>
            </p:cNvPr>
            <p:cNvSpPr/>
            <p:nvPr userDrawn="1"/>
          </p:nvSpPr>
          <p:spPr>
            <a:xfrm>
              <a:off x="2232680" y="6751887"/>
              <a:ext cx="41541" cy="20563"/>
            </a:xfrm>
            <a:custGeom>
              <a:avLst/>
              <a:gdLst>
                <a:gd name="connsiteX0" fmla="*/ 0 w 56444"/>
                <a:gd name="connsiteY0" fmla="*/ 5187 h 27940"/>
                <a:gd name="connsiteX1" fmla="*/ 61112 w 56444"/>
                <a:gd name="connsiteY1" fmla="*/ 0 h 27940"/>
                <a:gd name="connsiteX2" fmla="*/ 63209 w 56444"/>
                <a:gd name="connsiteY2" fmla="*/ 24219 h 27940"/>
                <a:gd name="connsiteX3" fmla="*/ 2097 w 56444"/>
                <a:gd name="connsiteY3" fmla="*/ 29406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27940">
                  <a:moveTo>
                    <a:pt x="0" y="5187"/>
                  </a:moveTo>
                  <a:lnTo>
                    <a:pt x="61112" y="0"/>
                  </a:lnTo>
                  <a:lnTo>
                    <a:pt x="63209" y="24219"/>
                  </a:lnTo>
                  <a:lnTo>
                    <a:pt x="2097" y="2940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44" name="Vrije vorm 205">
              <a:extLst>
                <a:ext uri="{FF2B5EF4-FFF2-40B4-BE49-F238E27FC236}">
                  <a16:creationId xmlns="" xmlns:a16="http://schemas.microsoft.com/office/drawing/2014/main" id="{BE46278C-851B-4F1D-8F5F-8022D6EBB68E}"/>
                </a:ext>
              </a:extLst>
            </p:cNvPr>
            <p:cNvSpPr/>
            <p:nvPr userDrawn="1"/>
          </p:nvSpPr>
          <p:spPr>
            <a:xfrm>
              <a:off x="2236266" y="6778423"/>
              <a:ext cx="41541" cy="27417"/>
            </a:xfrm>
            <a:custGeom>
              <a:avLst/>
              <a:gdLst>
                <a:gd name="connsiteX0" fmla="*/ 0 w 56444"/>
                <a:gd name="connsiteY0" fmla="*/ 5465 h 37253"/>
                <a:gd name="connsiteX1" fmla="*/ 61336 w 56444"/>
                <a:gd name="connsiteY1" fmla="*/ 0 h 37253"/>
                <a:gd name="connsiteX2" fmla="*/ 64647 w 56444"/>
                <a:gd name="connsiteY2" fmla="*/ 36415 h 37253"/>
                <a:gd name="connsiteX3" fmla="*/ 3310 w 56444"/>
                <a:gd name="connsiteY3" fmla="*/ 41880 h 37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37253">
                  <a:moveTo>
                    <a:pt x="0" y="5465"/>
                  </a:moveTo>
                  <a:lnTo>
                    <a:pt x="61336" y="0"/>
                  </a:lnTo>
                  <a:lnTo>
                    <a:pt x="64647" y="36415"/>
                  </a:lnTo>
                  <a:lnTo>
                    <a:pt x="3310" y="41880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45" name="Tekstvak 193">
              <a:extLst>
                <a:ext uri="{FF2B5EF4-FFF2-40B4-BE49-F238E27FC236}">
                  <a16:creationId xmlns="" xmlns:a16="http://schemas.microsoft.com/office/drawing/2014/main" id="{309F5689-E9DD-42EE-AD7D-3586F247ACEB}"/>
                </a:ext>
              </a:extLst>
            </p:cNvPr>
            <p:cNvSpPr txBox="1"/>
            <p:nvPr userDrawn="1"/>
          </p:nvSpPr>
          <p:spPr>
            <a:xfrm>
              <a:off x="2365307" y="6537061"/>
              <a:ext cx="803851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Клинические исследования</a:t>
              </a:r>
            </a:p>
          </p:txBody>
        </p:sp>
      </p:grpSp>
      <p:grpSp>
        <p:nvGrpSpPr>
          <p:cNvPr id="346" name="Groep 178">
            <a:extLst>
              <a:ext uri="{FF2B5EF4-FFF2-40B4-BE49-F238E27FC236}">
                <a16:creationId xmlns="" xmlns:a16="http://schemas.microsoft.com/office/drawing/2014/main" id="{017F138C-BC31-435F-84C0-86FBD5B7B955}"/>
              </a:ext>
            </a:extLst>
          </p:cNvPr>
          <p:cNvGrpSpPr/>
          <p:nvPr userDrawn="1"/>
        </p:nvGrpSpPr>
        <p:grpSpPr>
          <a:xfrm>
            <a:off x="6274707" y="6455151"/>
            <a:ext cx="1299431" cy="205629"/>
            <a:chOff x="1983484" y="6455150"/>
            <a:chExt cx="974573" cy="205629"/>
          </a:xfrm>
        </p:grpSpPr>
        <p:sp>
          <p:nvSpPr>
            <p:cNvPr id="347" name="Graphic 27">
              <a:extLst>
                <a:ext uri="{FF2B5EF4-FFF2-40B4-BE49-F238E27FC236}">
                  <a16:creationId xmlns="" xmlns:a16="http://schemas.microsoft.com/office/drawing/2014/main" id="{B5993FFC-2B22-4A8B-9AFB-DD4F7B5AD358}"/>
                </a:ext>
              </a:extLst>
            </p:cNvPr>
            <p:cNvSpPr/>
            <p:nvPr/>
          </p:nvSpPr>
          <p:spPr>
            <a:xfrm>
              <a:off x="1983484" y="6455150"/>
              <a:ext cx="205629" cy="205629"/>
            </a:xfrm>
            <a:custGeom>
              <a:avLst/>
              <a:gdLst>
                <a:gd name="connsiteX0" fmla="*/ 140538 w 279400"/>
                <a:gd name="connsiteY0" fmla="*/ 109245 h 279400"/>
                <a:gd name="connsiteX1" fmla="*/ 194276 w 279400"/>
                <a:gd name="connsiteY1" fmla="*/ 0 h 279400"/>
                <a:gd name="connsiteX2" fmla="*/ 235255 w 279400"/>
                <a:gd name="connsiteY2" fmla="*/ 22445 h 279400"/>
                <a:gd name="connsiteX3" fmla="*/ 164567 w 279400"/>
                <a:gd name="connsiteY3" fmla="*/ 124426 h 279400"/>
                <a:gd name="connsiteX4" fmla="*/ 279400 w 279400"/>
                <a:gd name="connsiteY4" fmla="*/ 114833 h 279400"/>
                <a:gd name="connsiteX5" fmla="*/ 279400 w 279400"/>
                <a:gd name="connsiteY5" fmla="*/ 161400 h 279400"/>
                <a:gd name="connsiteX6" fmla="*/ 165405 w 279400"/>
                <a:gd name="connsiteY6" fmla="*/ 152552 h 279400"/>
                <a:gd name="connsiteX7" fmla="*/ 234417 w 279400"/>
                <a:gd name="connsiteY7" fmla="*/ 256117 h 279400"/>
                <a:gd name="connsiteX8" fmla="*/ 192693 w 279400"/>
                <a:gd name="connsiteY8" fmla="*/ 277817 h 279400"/>
                <a:gd name="connsiteX9" fmla="*/ 140538 w 279400"/>
                <a:gd name="connsiteY9" fmla="*/ 166988 h 279400"/>
                <a:gd name="connsiteX10" fmla="*/ 85869 w 279400"/>
                <a:gd name="connsiteY10" fmla="*/ 279400 h 279400"/>
                <a:gd name="connsiteX11" fmla="*/ 45728 w 279400"/>
                <a:gd name="connsiteY11" fmla="*/ 256117 h 279400"/>
                <a:gd name="connsiteX12" fmla="*/ 115578 w 279400"/>
                <a:gd name="connsiteY12" fmla="*/ 153391 h 279400"/>
                <a:gd name="connsiteX13" fmla="*/ 0 w 279400"/>
                <a:gd name="connsiteY13" fmla="*/ 161400 h 279400"/>
                <a:gd name="connsiteX14" fmla="*/ 0 w 279400"/>
                <a:gd name="connsiteY14" fmla="*/ 114833 h 279400"/>
                <a:gd name="connsiteX15" fmla="*/ 116417 w 279400"/>
                <a:gd name="connsiteY15" fmla="*/ 124426 h 279400"/>
                <a:gd name="connsiteX16" fmla="*/ 43400 w 279400"/>
                <a:gd name="connsiteY16" fmla="*/ 23283 h 279400"/>
                <a:gd name="connsiteX17" fmla="*/ 85869 w 279400"/>
                <a:gd name="connsiteY17" fmla="*/ 0 h 279400"/>
                <a:gd name="connsiteX18" fmla="*/ 140538 w 279400"/>
                <a:gd name="connsiteY18" fmla="*/ 109245 h 279400"/>
                <a:gd name="connsiteX19" fmla="*/ 140538 w 279400"/>
                <a:gd name="connsiteY19" fmla="*/ 109245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79400" h="279400">
                  <a:moveTo>
                    <a:pt x="140538" y="109245"/>
                  </a:moveTo>
                  <a:lnTo>
                    <a:pt x="194276" y="0"/>
                  </a:lnTo>
                  <a:lnTo>
                    <a:pt x="235255" y="22445"/>
                  </a:lnTo>
                  <a:lnTo>
                    <a:pt x="164567" y="124426"/>
                  </a:lnTo>
                  <a:lnTo>
                    <a:pt x="279400" y="114833"/>
                  </a:lnTo>
                  <a:lnTo>
                    <a:pt x="279400" y="161400"/>
                  </a:lnTo>
                  <a:lnTo>
                    <a:pt x="165405" y="152552"/>
                  </a:lnTo>
                  <a:lnTo>
                    <a:pt x="234417" y="256117"/>
                  </a:lnTo>
                  <a:lnTo>
                    <a:pt x="192693" y="277817"/>
                  </a:lnTo>
                  <a:lnTo>
                    <a:pt x="140538" y="166988"/>
                  </a:lnTo>
                  <a:lnTo>
                    <a:pt x="85869" y="279400"/>
                  </a:lnTo>
                  <a:lnTo>
                    <a:pt x="45728" y="256117"/>
                  </a:lnTo>
                  <a:lnTo>
                    <a:pt x="115578" y="153391"/>
                  </a:lnTo>
                  <a:lnTo>
                    <a:pt x="0" y="161400"/>
                  </a:lnTo>
                  <a:lnTo>
                    <a:pt x="0" y="114833"/>
                  </a:lnTo>
                  <a:lnTo>
                    <a:pt x="116417" y="124426"/>
                  </a:lnTo>
                  <a:lnTo>
                    <a:pt x="43400" y="23283"/>
                  </a:lnTo>
                  <a:lnTo>
                    <a:pt x="85869" y="0"/>
                  </a:lnTo>
                  <a:lnTo>
                    <a:pt x="140538" y="109245"/>
                  </a:lnTo>
                  <a:lnTo>
                    <a:pt x="140538" y="109245"/>
                  </a:lnTo>
                  <a:close/>
                </a:path>
              </a:pathLst>
            </a:custGeom>
            <a:solidFill>
              <a:schemeClr val="tx1"/>
            </a:solidFill>
            <a:ln w="920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348" name="Tekstvak 191">
              <a:extLst>
                <a:ext uri="{FF2B5EF4-FFF2-40B4-BE49-F238E27FC236}">
                  <a16:creationId xmlns="" xmlns:a16="http://schemas.microsoft.com/office/drawing/2014/main" id="{21F2770C-4E2C-4210-B334-49755C5C6D81}"/>
                </a:ext>
              </a:extLst>
            </p:cNvPr>
            <p:cNvSpPr txBox="1"/>
            <p:nvPr/>
          </p:nvSpPr>
          <p:spPr>
            <a:xfrm>
              <a:off x="2280564" y="6467438"/>
              <a:ext cx="678170" cy="175435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Примечания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41090227"/>
      </p:ext>
    </p:extLst>
  </p:cSld>
  <p:clrMapOvr>
    <a:masterClrMapping/>
  </p:clrMapOvr>
  <p:transition/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opup 1 -  Background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Rechthoek 63">
            <a:extLst>
              <a:ext uri="{FF2B5EF4-FFF2-40B4-BE49-F238E27FC236}">
                <a16:creationId xmlns="" xmlns:a16="http://schemas.microsoft.com/office/drawing/2014/main" id="{BB3BB41B-5609-E343-9D76-95E56C8184D6}"/>
              </a:ext>
            </a:extLst>
          </p:cNvPr>
          <p:cNvSpPr/>
          <p:nvPr userDrawn="1"/>
        </p:nvSpPr>
        <p:spPr>
          <a:xfrm>
            <a:off x="0" y="1"/>
            <a:ext cx="12192000" cy="406799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sz="1900"/>
          </a:p>
        </p:txBody>
      </p:sp>
      <p:grpSp>
        <p:nvGrpSpPr>
          <p:cNvPr id="69" name="Groep 68">
            <a:extLst>
              <a:ext uri="{FF2B5EF4-FFF2-40B4-BE49-F238E27FC236}">
                <a16:creationId xmlns="" xmlns:a16="http://schemas.microsoft.com/office/drawing/2014/main" id="{5C2A2F4F-34B6-2446-8E16-6917E399F486}"/>
              </a:ext>
            </a:extLst>
          </p:cNvPr>
          <p:cNvGrpSpPr/>
          <p:nvPr userDrawn="1"/>
        </p:nvGrpSpPr>
        <p:grpSpPr>
          <a:xfrm>
            <a:off x="1" y="0"/>
            <a:ext cx="14385052" cy="6858000"/>
            <a:chOff x="0" y="0"/>
            <a:chExt cx="10788789" cy="6858000"/>
          </a:xfrm>
        </p:grpSpPr>
        <p:pic>
          <p:nvPicPr>
            <p:cNvPr id="71" name="Afbeelding 70">
              <a:extLst>
                <a:ext uri="{FF2B5EF4-FFF2-40B4-BE49-F238E27FC236}">
                  <a16:creationId xmlns="" xmlns:a16="http://schemas.microsoft.com/office/drawing/2014/main" id="{7A4ED763-5A6C-914A-A9B3-FA8AB6BB025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rcRect r="86352"/>
            <a:stretch>
              <a:fillRect/>
            </a:stretch>
          </p:blipFill>
          <p:spPr>
            <a:xfrm>
              <a:off x="0" y="0"/>
              <a:ext cx="1248014" cy="6858000"/>
            </a:xfrm>
            <a:prstGeom prst="rect">
              <a:avLst/>
            </a:prstGeom>
          </p:spPr>
        </p:pic>
        <p:grpSp>
          <p:nvGrpSpPr>
            <p:cNvPr id="72" name="Groep 71">
              <a:extLst>
                <a:ext uri="{FF2B5EF4-FFF2-40B4-BE49-F238E27FC236}">
                  <a16:creationId xmlns="" xmlns:a16="http://schemas.microsoft.com/office/drawing/2014/main" id="{3C5E5176-556F-724E-A04B-C92CDC7ADD8D}"/>
                </a:ext>
              </a:extLst>
            </p:cNvPr>
            <p:cNvGrpSpPr/>
            <p:nvPr userDrawn="1"/>
          </p:nvGrpSpPr>
          <p:grpSpPr>
            <a:xfrm>
              <a:off x="1873636" y="107691"/>
              <a:ext cx="6902551" cy="205630"/>
              <a:chOff x="1873636" y="107691"/>
              <a:chExt cx="6902551" cy="205630"/>
            </a:xfrm>
          </p:grpSpPr>
          <p:grpSp>
            <p:nvGrpSpPr>
              <p:cNvPr id="79" name="Groep 160">
                <a:extLst>
                  <a:ext uri="{FF2B5EF4-FFF2-40B4-BE49-F238E27FC236}">
                    <a16:creationId xmlns="" xmlns:a16="http://schemas.microsoft.com/office/drawing/2014/main" id="{A4E6F7CE-A5A5-054B-AA5B-CEA559C20A92}"/>
                  </a:ext>
                </a:extLst>
              </p:cNvPr>
              <p:cNvGrpSpPr/>
              <p:nvPr/>
            </p:nvGrpSpPr>
            <p:grpSpPr>
              <a:xfrm>
                <a:off x="1873636" y="107692"/>
                <a:ext cx="736279" cy="205629"/>
                <a:chOff x="2096893" y="107692"/>
                <a:chExt cx="736279" cy="205629"/>
              </a:xfrm>
            </p:grpSpPr>
            <p:sp>
              <p:nvSpPr>
                <p:cNvPr id="102" name="Graphic 30">
                  <a:extLst>
                    <a:ext uri="{FF2B5EF4-FFF2-40B4-BE49-F238E27FC236}">
                      <a16:creationId xmlns="" xmlns:a16="http://schemas.microsoft.com/office/drawing/2014/main" id="{A76DB2F2-8AAB-A847-8467-6A05317B49EF}"/>
                    </a:ext>
                  </a:extLst>
                </p:cNvPr>
                <p:cNvSpPr/>
                <p:nvPr/>
              </p:nvSpPr>
              <p:spPr>
                <a:xfrm>
                  <a:off x="2096893" y="107692"/>
                  <a:ext cx="177589" cy="205629"/>
                </a:xfrm>
                <a:custGeom>
                  <a:avLst/>
                  <a:gdLst>
                    <a:gd name="connsiteX0" fmla="*/ 244270 w 241300"/>
                    <a:gd name="connsiteY0" fmla="*/ 279400 h 279400"/>
                    <a:gd name="connsiteX1" fmla="*/ 174478 w 241300"/>
                    <a:gd name="connsiteY1" fmla="*/ 279400 h 279400"/>
                    <a:gd name="connsiteX2" fmla="*/ 174478 w 241300"/>
                    <a:gd name="connsiteY2" fmla="*/ 168478 h 279400"/>
                    <a:gd name="connsiteX3" fmla="*/ 69791 w 241300"/>
                    <a:gd name="connsiteY3" fmla="*/ 168478 h 279400"/>
                    <a:gd name="connsiteX4" fmla="*/ 69791 w 241300"/>
                    <a:gd name="connsiteY4" fmla="*/ 279400 h 279400"/>
                    <a:gd name="connsiteX5" fmla="*/ 0 w 241300"/>
                    <a:gd name="connsiteY5" fmla="*/ 279400 h 279400"/>
                    <a:gd name="connsiteX6" fmla="*/ 0 w 241300"/>
                    <a:gd name="connsiteY6" fmla="*/ 91457 h 279400"/>
                    <a:gd name="connsiteX7" fmla="*/ 122135 w 241300"/>
                    <a:gd name="connsiteY7" fmla="*/ 0 h 279400"/>
                    <a:gd name="connsiteX8" fmla="*/ 244270 w 241300"/>
                    <a:gd name="connsiteY8" fmla="*/ 91457 h 279400"/>
                    <a:gd name="connsiteX9" fmla="*/ 244270 w 241300"/>
                    <a:gd name="connsiteY9" fmla="*/ 279400 h 2794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</a:cxnLst>
                  <a:rect l="l" t="t" r="r" b="b"/>
                  <a:pathLst>
                    <a:path w="241300" h="279400">
                      <a:moveTo>
                        <a:pt x="244270" y="279400"/>
                      </a:moveTo>
                      <a:lnTo>
                        <a:pt x="174478" y="279400"/>
                      </a:lnTo>
                      <a:lnTo>
                        <a:pt x="174478" y="168478"/>
                      </a:lnTo>
                      <a:lnTo>
                        <a:pt x="69791" y="168478"/>
                      </a:lnTo>
                      <a:lnTo>
                        <a:pt x="69791" y="279400"/>
                      </a:lnTo>
                      <a:lnTo>
                        <a:pt x="0" y="279400"/>
                      </a:lnTo>
                      <a:lnTo>
                        <a:pt x="0" y="91457"/>
                      </a:lnTo>
                      <a:lnTo>
                        <a:pt x="122135" y="0"/>
                      </a:lnTo>
                      <a:lnTo>
                        <a:pt x="244270" y="91457"/>
                      </a:lnTo>
                      <a:lnTo>
                        <a:pt x="244270" y="279400"/>
                      </a:lnTo>
                      <a:close/>
                    </a:path>
                  </a:pathLst>
                </a:custGeom>
                <a:solidFill>
                  <a:schemeClr val="bg2"/>
                </a:solidFill>
                <a:ln w="9159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103" name="Tekstvak 102">
                  <a:extLst>
                    <a:ext uri="{FF2B5EF4-FFF2-40B4-BE49-F238E27FC236}">
                      <a16:creationId xmlns="" xmlns:a16="http://schemas.microsoft.com/office/drawing/2014/main" id="{B5704EAB-4D96-A54E-9DDD-650B2EB9AA0B}"/>
                    </a:ext>
                  </a:extLst>
                </p:cNvPr>
                <p:cNvSpPr txBox="1"/>
                <p:nvPr/>
              </p:nvSpPr>
              <p:spPr>
                <a:xfrm>
                  <a:off x="2407103" y="-56773"/>
                  <a:ext cx="426495" cy="526306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 anchor="ctr" anchorCtr="0">
                  <a:spAutoFit/>
                </a:bodyPr>
                <a:lstStyle/>
                <a:p>
                  <a:r>
                    <a:rPr lang="ru-RU" sz="1150" b="0" i="0" strike="noStrike" cap="none" spc="0" baseline="0">
                      <a:solidFill>
                        <a:srgbClr val="FFFFFF"/>
                      </a:solidFill>
                      <a:effectLst/>
                      <a:latin typeface="Arial"/>
                      <a:ea typeface="Arial"/>
                      <a:cs typeface="Arial"/>
                    </a:rPr>
                    <a:t>Главная страница</a:t>
                  </a:r>
                </a:p>
              </p:txBody>
            </p:sp>
          </p:grpSp>
          <p:grpSp>
            <p:nvGrpSpPr>
              <p:cNvPr id="80" name="Groep 161">
                <a:extLst>
                  <a:ext uri="{FF2B5EF4-FFF2-40B4-BE49-F238E27FC236}">
                    <a16:creationId xmlns="" xmlns:a16="http://schemas.microsoft.com/office/drawing/2014/main" id="{CC1C3201-8BD0-CE47-8DBF-EF76791BF9C3}"/>
                  </a:ext>
                </a:extLst>
              </p:cNvPr>
              <p:cNvGrpSpPr/>
              <p:nvPr/>
            </p:nvGrpSpPr>
            <p:grpSpPr>
              <a:xfrm>
                <a:off x="2828680" y="107691"/>
                <a:ext cx="1028176" cy="205629"/>
                <a:chOff x="3051937" y="107691"/>
                <a:chExt cx="1028176" cy="205629"/>
              </a:xfrm>
            </p:grpSpPr>
            <p:sp>
              <p:nvSpPr>
                <p:cNvPr id="100" name="Graphic 24">
                  <a:extLst>
                    <a:ext uri="{FF2B5EF4-FFF2-40B4-BE49-F238E27FC236}">
                      <a16:creationId xmlns="" xmlns:a16="http://schemas.microsoft.com/office/drawing/2014/main" id="{C20C3810-99C9-B846-87BF-C3FC625A6779}"/>
                    </a:ext>
                  </a:extLst>
                </p:cNvPr>
                <p:cNvSpPr/>
                <p:nvPr/>
              </p:nvSpPr>
              <p:spPr>
                <a:xfrm>
                  <a:off x="3051937" y="107691"/>
                  <a:ext cx="243017" cy="205629"/>
                </a:xfrm>
                <a:custGeom>
                  <a:avLst/>
                  <a:gdLst>
                    <a:gd name="connsiteX0" fmla="*/ 290953 w 330200"/>
                    <a:gd name="connsiteY0" fmla="*/ 108407 h 279400"/>
                    <a:gd name="connsiteX1" fmla="*/ 290953 w 330200"/>
                    <a:gd name="connsiteY1" fmla="*/ 62679 h 279400"/>
                    <a:gd name="connsiteX2" fmla="*/ 332181 w 330200"/>
                    <a:gd name="connsiteY2" fmla="*/ 62679 h 279400"/>
                    <a:gd name="connsiteX3" fmla="*/ 332181 w 330200"/>
                    <a:gd name="connsiteY3" fmla="*/ 0 h 279400"/>
                    <a:gd name="connsiteX4" fmla="*/ 236989 w 330200"/>
                    <a:gd name="connsiteY4" fmla="*/ 0 h 279400"/>
                    <a:gd name="connsiteX5" fmla="*/ 236989 w 330200"/>
                    <a:gd name="connsiteY5" fmla="*/ 25053 h 279400"/>
                    <a:gd name="connsiteX6" fmla="*/ 213687 w 330200"/>
                    <a:gd name="connsiteY6" fmla="*/ 25053 h 279400"/>
                    <a:gd name="connsiteX7" fmla="*/ 213687 w 330200"/>
                    <a:gd name="connsiteY7" fmla="*/ 0 h 279400"/>
                    <a:gd name="connsiteX8" fmla="*/ 118495 w 330200"/>
                    <a:gd name="connsiteY8" fmla="*/ 0 h 279400"/>
                    <a:gd name="connsiteX9" fmla="*/ 118495 w 330200"/>
                    <a:gd name="connsiteY9" fmla="*/ 25053 h 279400"/>
                    <a:gd name="connsiteX10" fmla="*/ 95192 w 330200"/>
                    <a:gd name="connsiteY10" fmla="*/ 25053 h 279400"/>
                    <a:gd name="connsiteX11" fmla="*/ 95192 w 330200"/>
                    <a:gd name="connsiteY11" fmla="*/ 0 h 279400"/>
                    <a:gd name="connsiteX12" fmla="*/ 0 w 330200"/>
                    <a:gd name="connsiteY12" fmla="*/ 0 h 279400"/>
                    <a:gd name="connsiteX13" fmla="*/ 0 w 330200"/>
                    <a:gd name="connsiteY13" fmla="*/ 62679 h 279400"/>
                    <a:gd name="connsiteX14" fmla="*/ 95192 w 330200"/>
                    <a:gd name="connsiteY14" fmla="*/ 62679 h 279400"/>
                    <a:gd name="connsiteX15" fmla="*/ 95192 w 330200"/>
                    <a:gd name="connsiteY15" fmla="*/ 37626 h 279400"/>
                    <a:gd name="connsiteX16" fmla="*/ 118495 w 330200"/>
                    <a:gd name="connsiteY16" fmla="*/ 37626 h 279400"/>
                    <a:gd name="connsiteX17" fmla="*/ 118495 w 330200"/>
                    <a:gd name="connsiteY17" fmla="*/ 62679 h 279400"/>
                    <a:gd name="connsiteX18" fmla="*/ 159722 w 330200"/>
                    <a:gd name="connsiteY18" fmla="*/ 62679 h 279400"/>
                    <a:gd name="connsiteX19" fmla="*/ 159722 w 330200"/>
                    <a:gd name="connsiteY19" fmla="*/ 108407 h 279400"/>
                    <a:gd name="connsiteX20" fmla="*/ 118495 w 330200"/>
                    <a:gd name="connsiteY20" fmla="*/ 108407 h 279400"/>
                    <a:gd name="connsiteX21" fmla="*/ 118495 w 330200"/>
                    <a:gd name="connsiteY21" fmla="*/ 170993 h 279400"/>
                    <a:gd name="connsiteX22" fmla="*/ 159722 w 330200"/>
                    <a:gd name="connsiteY22" fmla="*/ 170993 h 279400"/>
                    <a:gd name="connsiteX23" fmla="*/ 159722 w 330200"/>
                    <a:gd name="connsiteY23" fmla="*/ 216721 h 279400"/>
                    <a:gd name="connsiteX24" fmla="*/ 118495 w 330200"/>
                    <a:gd name="connsiteY24" fmla="*/ 216721 h 279400"/>
                    <a:gd name="connsiteX25" fmla="*/ 118495 w 330200"/>
                    <a:gd name="connsiteY25" fmla="*/ 279400 h 279400"/>
                    <a:gd name="connsiteX26" fmla="*/ 213687 w 330200"/>
                    <a:gd name="connsiteY26" fmla="*/ 279400 h 279400"/>
                    <a:gd name="connsiteX27" fmla="*/ 213687 w 330200"/>
                    <a:gd name="connsiteY27" fmla="*/ 216721 h 279400"/>
                    <a:gd name="connsiteX28" fmla="*/ 172459 w 330200"/>
                    <a:gd name="connsiteY28" fmla="*/ 216721 h 279400"/>
                    <a:gd name="connsiteX29" fmla="*/ 172459 w 330200"/>
                    <a:gd name="connsiteY29" fmla="*/ 170993 h 279400"/>
                    <a:gd name="connsiteX30" fmla="*/ 213687 w 330200"/>
                    <a:gd name="connsiteY30" fmla="*/ 170993 h 279400"/>
                    <a:gd name="connsiteX31" fmla="*/ 213687 w 330200"/>
                    <a:gd name="connsiteY31" fmla="*/ 108407 h 279400"/>
                    <a:gd name="connsiteX32" fmla="*/ 172459 w 330200"/>
                    <a:gd name="connsiteY32" fmla="*/ 108407 h 279400"/>
                    <a:gd name="connsiteX33" fmla="*/ 172459 w 330200"/>
                    <a:gd name="connsiteY33" fmla="*/ 62679 h 279400"/>
                    <a:gd name="connsiteX34" fmla="*/ 213687 w 330200"/>
                    <a:gd name="connsiteY34" fmla="*/ 62679 h 279400"/>
                    <a:gd name="connsiteX35" fmla="*/ 213687 w 330200"/>
                    <a:gd name="connsiteY35" fmla="*/ 37626 h 279400"/>
                    <a:gd name="connsiteX36" fmla="*/ 236989 w 330200"/>
                    <a:gd name="connsiteY36" fmla="*/ 37626 h 279400"/>
                    <a:gd name="connsiteX37" fmla="*/ 236989 w 330200"/>
                    <a:gd name="connsiteY37" fmla="*/ 62679 h 279400"/>
                    <a:gd name="connsiteX38" fmla="*/ 278217 w 330200"/>
                    <a:gd name="connsiteY38" fmla="*/ 62679 h 279400"/>
                    <a:gd name="connsiteX39" fmla="*/ 278217 w 330200"/>
                    <a:gd name="connsiteY39" fmla="*/ 108407 h 279400"/>
                    <a:gd name="connsiteX40" fmla="*/ 236989 w 330200"/>
                    <a:gd name="connsiteY40" fmla="*/ 108407 h 279400"/>
                    <a:gd name="connsiteX41" fmla="*/ 236989 w 330200"/>
                    <a:gd name="connsiteY41" fmla="*/ 170993 h 279400"/>
                    <a:gd name="connsiteX42" fmla="*/ 332181 w 330200"/>
                    <a:gd name="connsiteY42" fmla="*/ 170993 h 279400"/>
                    <a:gd name="connsiteX43" fmla="*/ 332181 w 330200"/>
                    <a:gd name="connsiteY43" fmla="*/ 108407 h 279400"/>
                    <a:gd name="connsiteX44" fmla="*/ 290953 w 330200"/>
                    <a:gd name="connsiteY44" fmla="*/ 108407 h 2794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</a:cxnLst>
                  <a:rect l="l" t="t" r="r" b="b"/>
                  <a:pathLst>
                    <a:path w="330200" h="279400">
                      <a:moveTo>
                        <a:pt x="290953" y="108407"/>
                      </a:moveTo>
                      <a:lnTo>
                        <a:pt x="290953" y="62679"/>
                      </a:lnTo>
                      <a:lnTo>
                        <a:pt x="332181" y="62679"/>
                      </a:lnTo>
                      <a:lnTo>
                        <a:pt x="332181" y="0"/>
                      </a:lnTo>
                      <a:lnTo>
                        <a:pt x="236989" y="0"/>
                      </a:lnTo>
                      <a:lnTo>
                        <a:pt x="236989" y="25053"/>
                      </a:lnTo>
                      <a:lnTo>
                        <a:pt x="213687" y="25053"/>
                      </a:lnTo>
                      <a:lnTo>
                        <a:pt x="213687" y="0"/>
                      </a:lnTo>
                      <a:lnTo>
                        <a:pt x="118495" y="0"/>
                      </a:lnTo>
                      <a:lnTo>
                        <a:pt x="118495" y="25053"/>
                      </a:lnTo>
                      <a:lnTo>
                        <a:pt x="95192" y="25053"/>
                      </a:lnTo>
                      <a:lnTo>
                        <a:pt x="95192" y="0"/>
                      </a:lnTo>
                      <a:lnTo>
                        <a:pt x="0" y="0"/>
                      </a:lnTo>
                      <a:lnTo>
                        <a:pt x="0" y="62679"/>
                      </a:lnTo>
                      <a:lnTo>
                        <a:pt x="95192" y="62679"/>
                      </a:lnTo>
                      <a:lnTo>
                        <a:pt x="95192" y="37626"/>
                      </a:lnTo>
                      <a:lnTo>
                        <a:pt x="118495" y="37626"/>
                      </a:lnTo>
                      <a:lnTo>
                        <a:pt x="118495" y="62679"/>
                      </a:lnTo>
                      <a:lnTo>
                        <a:pt x="159722" y="62679"/>
                      </a:lnTo>
                      <a:lnTo>
                        <a:pt x="159722" y="108407"/>
                      </a:lnTo>
                      <a:lnTo>
                        <a:pt x="118495" y="108407"/>
                      </a:lnTo>
                      <a:lnTo>
                        <a:pt x="118495" y="170993"/>
                      </a:lnTo>
                      <a:lnTo>
                        <a:pt x="159722" y="170993"/>
                      </a:lnTo>
                      <a:lnTo>
                        <a:pt x="159722" y="216721"/>
                      </a:lnTo>
                      <a:lnTo>
                        <a:pt x="118495" y="216721"/>
                      </a:lnTo>
                      <a:lnTo>
                        <a:pt x="118495" y="279400"/>
                      </a:lnTo>
                      <a:lnTo>
                        <a:pt x="213687" y="279400"/>
                      </a:lnTo>
                      <a:lnTo>
                        <a:pt x="213687" y="216721"/>
                      </a:lnTo>
                      <a:lnTo>
                        <a:pt x="172459" y="216721"/>
                      </a:lnTo>
                      <a:lnTo>
                        <a:pt x="172459" y="170993"/>
                      </a:lnTo>
                      <a:lnTo>
                        <a:pt x="213687" y="170993"/>
                      </a:lnTo>
                      <a:lnTo>
                        <a:pt x="213687" y="108407"/>
                      </a:lnTo>
                      <a:lnTo>
                        <a:pt x="172459" y="108407"/>
                      </a:lnTo>
                      <a:lnTo>
                        <a:pt x="172459" y="62679"/>
                      </a:lnTo>
                      <a:lnTo>
                        <a:pt x="213687" y="62679"/>
                      </a:lnTo>
                      <a:lnTo>
                        <a:pt x="213687" y="37626"/>
                      </a:lnTo>
                      <a:lnTo>
                        <a:pt x="236989" y="37626"/>
                      </a:lnTo>
                      <a:lnTo>
                        <a:pt x="236989" y="62679"/>
                      </a:lnTo>
                      <a:lnTo>
                        <a:pt x="278217" y="62679"/>
                      </a:lnTo>
                      <a:lnTo>
                        <a:pt x="278217" y="108407"/>
                      </a:lnTo>
                      <a:lnTo>
                        <a:pt x="236989" y="108407"/>
                      </a:lnTo>
                      <a:lnTo>
                        <a:pt x="236989" y="170993"/>
                      </a:lnTo>
                      <a:lnTo>
                        <a:pt x="332181" y="170993"/>
                      </a:lnTo>
                      <a:lnTo>
                        <a:pt x="332181" y="108407"/>
                      </a:lnTo>
                      <a:lnTo>
                        <a:pt x="290953" y="108407"/>
                      </a:lnTo>
                      <a:close/>
                    </a:path>
                  </a:pathLst>
                </a:custGeom>
                <a:solidFill>
                  <a:schemeClr val="bg2"/>
                </a:solidFill>
                <a:ln w="9253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101" name="Tekstvak 100">
                  <a:extLst>
                    <a:ext uri="{FF2B5EF4-FFF2-40B4-BE49-F238E27FC236}">
                      <a16:creationId xmlns="" xmlns:a16="http://schemas.microsoft.com/office/drawing/2014/main" id="{91F41C26-DA55-9A48-A81E-DAEC8A941941}"/>
                    </a:ext>
                  </a:extLst>
                </p:cNvPr>
                <p:cNvSpPr txBox="1"/>
                <p:nvPr/>
              </p:nvSpPr>
              <p:spPr>
                <a:xfrm>
                  <a:off x="3416681" y="118662"/>
                  <a:ext cx="664094" cy="17543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 anchor="ctr" anchorCtr="0">
                  <a:spAutoFit/>
                </a:bodyPr>
                <a:lstStyle/>
                <a:p>
                  <a:r>
                    <a:rPr lang="ru-RU" sz="1150" b="0" i="0" strike="noStrike" cap="none" spc="0" baseline="0">
                      <a:solidFill>
                        <a:srgbClr val="FFFFFF"/>
                      </a:solidFill>
                      <a:effectLst/>
                      <a:latin typeface="Arial"/>
                      <a:ea typeface="Arial"/>
                      <a:cs typeface="Arial"/>
                    </a:rPr>
                    <a:t>Карта сайта</a:t>
                  </a:r>
                </a:p>
              </p:txBody>
            </p:sp>
          </p:grpSp>
          <p:grpSp>
            <p:nvGrpSpPr>
              <p:cNvPr id="81" name="Groep 162">
                <a:extLst>
                  <a:ext uri="{FF2B5EF4-FFF2-40B4-BE49-F238E27FC236}">
                    <a16:creationId xmlns="" xmlns:a16="http://schemas.microsoft.com/office/drawing/2014/main" id="{406F8641-972B-9B4C-9C6A-7D0B6CE42D66}"/>
                  </a:ext>
                </a:extLst>
              </p:cNvPr>
              <p:cNvGrpSpPr/>
              <p:nvPr/>
            </p:nvGrpSpPr>
            <p:grpSpPr>
              <a:xfrm>
                <a:off x="3983440" y="107691"/>
                <a:ext cx="1098711" cy="205629"/>
                <a:chOff x="4325235" y="107691"/>
                <a:chExt cx="1098711" cy="205629"/>
              </a:xfrm>
            </p:grpSpPr>
            <p:sp>
              <p:nvSpPr>
                <p:cNvPr id="98" name="Graphic 13">
                  <a:extLst>
                    <a:ext uri="{FF2B5EF4-FFF2-40B4-BE49-F238E27FC236}">
                      <a16:creationId xmlns="" xmlns:a16="http://schemas.microsoft.com/office/drawing/2014/main" id="{579E53E7-B1D0-874F-B00B-A925613D80E8}"/>
                    </a:ext>
                  </a:extLst>
                </p:cNvPr>
                <p:cNvSpPr/>
                <p:nvPr/>
              </p:nvSpPr>
              <p:spPr>
                <a:xfrm>
                  <a:off x="4325235" y="107691"/>
                  <a:ext cx="217526" cy="205629"/>
                </a:xfrm>
                <a:custGeom>
                  <a:avLst/>
                  <a:gdLst>
                    <a:gd name="connsiteX0" fmla="*/ 203200 w 295563"/>
                    <a:gd name="connsiteY0" fmla="*/ 254068 h 279400"/>
                    <a:gd name="connsiteX1" fmla="*/ 149537 w 295563"/>
                    <a:gd name="connsiteY1" fmla="*/ 219981 h 279400"/>
                    <a:gd name="connsiteX2" fmla="*/ 96797 w 295563"/>
                    <a:gd name="connsiteY2" fmla="*/ 255372 h 279400"/>
                    <a:gd name="connsiteX3" fmla="*/ 112314 w 295563"/>
                    <a:gd name="connsiteY3" fmla="*/ 193345 h 279400"/>
                    <a:gd name="connsiteX4" fmla="*/ 62253 w 295563"/>
                    <a:gd name="connsiteY4" fmla="*/ 153670 h 279400"/>
                    <a:gd name="connsiteX5" fmla="*/ 125522 w 295563"/>
                    <a:gd name="connsiteY5" fmla="*/ 149479 h 279400"/>
                    <a:gd name="connsiteX6" fmla="*/ 147782 w 295563"/>
                    <a:gd name="connsiteY6" fmla="*/ 89501 h 279400"/>
                    <a:gd name="connsiteX7" fmla="*/ 171150 w 295563"/>
                    <a:gd name="connsiteY7" fmla="*/ 149013 h 279400"/>
                    <a:gd name="connsiteX8" fmla="*/ 234511 w 295563"/>
                    <a:gd name="connsiteY8" fmla="*/ 151714 h 279400"/>
                    <a:gd name="connsiteX9" fmla="*/ 185836 w 295563"/>
                    <a:gd name="connsiteY9" fmla="*/ 192600 h 279400"/>
                    <a:gd name="connsiteX10" fmla="*/ 108435 w 295563"/>
                    <a:gd name="connsiteY10" fmla="*/ 24308 h 279400"/>
                    <a:gd name="connsiteX11" fmla="*/ 192763 w 295563"/>
                    <a:gd name="connsiteY11" fmla="*/ 24308 h 279400"/>
                    <a:gd name="connsiteX12" fmla="*/ 192763 w 295563"/>
                    <a:gd name="connsiteY12" fmla="*/ 60723 h 279400"/>
                    <a:gd name="connsiteX13" fmla="*/ 108435 w 295563"/>
                    <a:gd name="connsiteY13" fmla="*/ 60723 h 279400"/>
                    <a:gd name="connsiteX14" fmla="*/ 228508 w 295563"/>
                    <a:gd name="connsiteY14" fmla="*/ 60723 h 279400"/>
                    <a:gd name="connsiteX15" fmla="*/ 228508 w 295563"/>
                    <a:gd name="connsiteY15" fmla="*/ 0 h 279400"/>
                    <a:gd name="connsiteX16" fmla="*/ 71489 w 295563"/>
                    <a:gd name="connsiteY16" fmla="*/ 0 h 279400"/>
                    <a:gd name="connsiteX17" fmla="*/ 71489 w 295563"/>
                    <a:gd name="connsiteY17" fmla="*/ 60723 h 279400"/>
                    <a:gd name="connsiteX18" fmla="*/ 0 w 295563"/>
                    <a:gd name="connsiteY18" fmla="*/ 60723 h 279400"/>
                    <a:gd name="connsiteX19" fmla="*/ 0 w 295563"/>
                    <a:gd name="connsiteY19" fmla="*/ 279400 h 279400"/>
                    <a:gd name="connsiteX20" fmla="*/ 301198 w 295563"/>
                    <a:gd name="connsiteY20" fmla="*/ 279400 h 279400"/>
                    <a:gd name="connsiteX21" fmla="*/ 301198 w 295563"/>
                    <a:gd name="connsiteY21" fmla="*/ 60723 h 2794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</a:cxnLst>
                  <a:rect l="l" t="t" r="r" b="b"/>
                  <a:pathLst>
                    <a:path w="295563" h="279400">
                      <a:moveTo>
                        <a:pt x="203200" y="254068"/>
                      </a:moveTo>
                      <a:lnTo>
                        <a:pt x="149537" y="219981"/>
                      </a:lnTo>
                      <a:lnTo>
                        <a:pt x="96797" y="255372"/>
                      </a:lnTo>
                      <a:lnTo>
                        <a:pt x="112314" y="193345"/>
                      </a:lnTo>
                      <a:lnTo>
                        <a:pt x="62253" y="153670"/>
                      </a:lnTo>
                      <a:lnTo>
                        <a:pt x="125522" y="149479"/>
                      </a:lnTo>
                      <a:lnTo>
                        <a:pt x="147782" y="89501"/>
                      </a:lnTo>
                      <a:lnTo>
                        <a:pt x="171150" y="149013"/>
                      </a:lnTo>
                      <a:lnTo>
                        <a:pt x="234511" y="151714"/>
                      </a:lnTo>
                      <a:lnTo>
                        <a:pt x="185836" y="192600"/>
                      </a:lnTo>
                      <a:close/>
                      <a:moveTo>
                        <a:pt x="108435" y="24308"/>
                      </a:moveTo>
                      <a:lnTo>
                        <a:pt x="192763" y="24308"/>
                      </a:lnTo>
                      <a:lnTo>
                        <a:pt x="192763" y="60723"/>
                      </a:lnTo>
                      <a:lnTo>
                        <a:pt x="108435" y="60723"/>
                      </a:lnTo>
                      <a:close/>
                      <a:moveTo>
                        <a:pt x="228508" y="60723"/>
                      </a:moveTo>
                      <a:lnTo>
                        <a:pt x="228508" y="0"/>
                      </a:lnTo>
                      <a:lnTo>
                        <a:pt x="71489" y="0"/>
                      </a:lnTo>
                      <a:lnTo>
                        <a:pt x="71489" y="60723"/>
                      </a:lnTo>
                      <a:lnTo>
                        <a:pt x="0" y="60723"/>
                      </a:lnTo>
                      <a:lnTo>
                        <a:pt x="0" y="279400"/>
                      </a:lnTo>
                      <a:lnTo>
                        <a:pt x="301198" y="279400"/>
                      </a:lnTo>
                      <a:lnTo>
                        <a:pt x="301198" y="60723"/>
                      </a:lnTo>
                      <a:close/>
                    </a:path>
                  </a:pathLst>
                </a:custGeom>
                <a:solidFill>
                  <a:schemeClr val="bg2"/>
                </a:solidFill>
                <a:ln w="9236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99" name="Tekstvak 98">
                  <a:extLst>
                    <a:ext uri="{FF2B5EF4-FFF2-40B4-BE49-F238E27FC236}">
                      <a16:creationId xmlns="" xmlns:a16="http://schemas.microsoft.com/office/drawing/2014/main" id="{EF88BD7E-455C-654B-9878-7CF61C072E52}"/>
                    </a:ext>
                  </a:extLst>
                </p:cNvPr>
                <p:cNvSpPr txBox="1"/>
                <p:nvPr/>
              </p:nvSpPr>
              <p:spPr>
                <a:xfrm>
                  <a:off x="4667608" y="118662"/>
                  <a:ext cx="757094" cy="17543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 anchor="ctr" anchorCtr="0">
                  <a:spAutoFit/>
                </a:bodyPr>
                <a:lstStyle/>
                <a:p>
                  <a:r>
                    <a:rPr lang="ru-RU" sz="1150" b="0" i="0" strike="noStrike" cap="none" spc="0" baseline="0">
                      <a:solidFill>
                        <a:srgbClr val="FFFFFF"/>
                      </a:solidFill>
                      <a:effectLst/>
                      <a:latin typeface="Arial"/>
                      <a:ea typeface="Arial"/>
                      <a:cs typeface="Arial"/>
                    </a:rPr>
                    <a:t>Ресурсы</a:t>
                  </a:r>
                </a:p>
              </p:txBody>
            </p:sp>
          </p:grpSp>
          <p:grpSp>
            <p:nvGrpSpPr>
              <p:cNvPr id="82" name="Groep 163">
                <a:extLst>
                  <a:ext uri="{FF2B5EF4-FFF2-40B4-BE49-F238E27FC236}">
                    <a16:creationId xmlns="" xmlns:a16="http://schemas.microsoft.com/office/drawing/2014/main" id="{0110A67D-9FC3-154E-B94A-99DE9F58F556}"/>
                  </a:ext>
                </a:extLst>
              </p:cNvPr>
              <p:cNvGrpSpPr/>
              <p:nvPr/>
            </p:nvGrpSpPr>
            <p:grpSpPr>
              <a:xfrm>
                <a:off x="5304417" y="107691"/>
                <a:ext cx="1336020" cy="205629"/>
                <a:chOff x="5417588" y="107691"/>
                <a:chExt cx="1336020" cy="205629"/>
              </a:xfrm>
            </p:grpSpPr>
            <p:grpSp>
              <p:nvGrpSpPr>
                <p:cNvPr id="94" name="Graphic 33">
                  <a:extLst>
                    <a:ext uri="{FF2B5EF4-FFF2-40B4-BE49-F238E27FC236}">
                      <a16:creationId xmlns="" xmlns:a16="http://schemas.microsoft.com/office/drawing/2014/main" id="{566045E0-4678-BF48-8586-D48CDAAA9924}"/>
                    </a:ext>
                  </a:extLst>
                </p:cNvPr>
                <p:cNvGrpSpPr/>
                <p:nvPr/>
              </p:nvGrpSpPr>
              <p:grpSpPr>
                <a:xfrm>
                  <a:off x="5417588" y="107691"/>
                  <a:ext cx="189272" cy="205629"/>
                  <a:chOff x="4438650" y="3289300"/>
                  <a:chExt cx="257175" cy="279400"/>
                </a:xfrm>
                <a:solidFill>
                  <a:schemeClr val="tx2"/>
                </a:solidFill>
              </p:grpSpPr>
              <p:sp>
                <p:nvSpPr>
                  <p:cNvPr id="96" name="Vrije vorm 95">
                    <a:extLst>
                      <a:ext uri="{FF2B5EF4-FFF2-40B4-BE49-F238E27FC236}">
                        <a16:creationId xmlns="" xmlns:a16="http://schemas.microsoft.com/office/drawing/2014/main" id="{AE2BD0E6-47C2-5844-AD47-51F5B228A697}"/>
                      </a:ext>
                    </a:extLst>
                  </p:cNvPr>
                  <p:cNvSpPr/>
                  <p:nvPr/>
                </p:nvSpPr>
                <p:spPr>
                  <a:xfrm>
                    <a:off x="4541520" y="3335867"/>
                    <a:ext cx="47625" cy="74507"/>
                  </a:xfrm>
                  <a:custGeom>
                    <a:avLst/>
                    <a:gdLst>
                      <a:gd name="connsiteX0" fmla="*/ 57150 w 47625"/>
                      <a:gd name="connsiteY0" fmla="*/ 39302 h 74506"/>
                      <a:gd name="connsiteX1" fmla="*/ 28575 w 47625"/>
                      <a:gd name="connsiteY1" fmla="*/ 78418 h 74506"/>
                      <a:gd name="connsiteX2" fmla="*/ 0 w 47625"/>
                      <a:gd name="connsiteY2" fmla="*/ 39302 h 74506"/>
                      <a:gd name="connsiteX3" fmla="*/ 28575 w 47625"/>
                      <a:gd name="connsiteY3" fmla="*/ 0 h 74506"/>
                      <a:gd name="connsiteX4" fmla="*/ 57150 w 47625"/>
                      <a:gd name="connsiteY4" fmla="*/ 39116 h 74506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47625" h="74506">
                        <a:moveTo>
                          <a:pt x="57150" y="39302"/>
                        </a:moveTo>
                        <a:cubicBezTo>
                          <a:pt x="57150" y="61002"/>
                          <a:pt x="44387" y="78418"/>
                          <a:pt x="28575" y="78418"/>
                        </a:cubicBezTo>
                        <a:cubicBezTo>
                          <a:pt x="12764" y="78418"/>
                          <a:pt x="0" y="61002"/>
                          <a:pt x="0" y="39302"/>
                        </a:cubicBezTo>
                        <a:cubicBezTo>
                          <a:pt x="0" y="17602"/>
                          <a:pt x="12764" y="0"/>
                          <a:pt x="28575" y="0"/>
                        </a:cubicBezTo>
                        <a:cubicBezTo>
                          <a:pt x="44387" y="0"/>
                          <a:pt x="57150" y="17509"/>
                          <a:pt x="57150" y="39116"/>
                        </a:cubicBezTo>
                        <a:close/>
                      </a:path>
                    </a:pathLst>
                  </a:custGeom>
                  <a:solidFill>
                    <a:schemeClr val="bg2"/>
                  </a:solidFill>
                  <a:ln w="9525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nl-NL" sz="1900"/>
                  </a:p>
                </p:txBody>
              </p:sp>
              <p:sp>
                <p:nvSpPr>
                  <p:cNvPr id="97" name="Vrije vorm 96">
                    <a:extLst>
                      <a:ext uri="{FF2B5EF4-FFF2-40B4-BE49-F238E27FC236}">
                        <a16:creationId xmlns="" xmlns:a16="http://schemas.microsoft.com/office/drawing/2014/main" id="{EE226684-488B-5345-B062-B2511DB5ED61}"/>
                      </a:ext>
                    </a:extLst>
                  </p:cNvPr>
                  <p:cNvSpPr/>
                  <p:nvPr/>
                </p:nvSpPr>
                <p:spPr>
                  <a:xfrm>
                    <a:off x="4438650" y="3289300"/>
                    <a:ext cx="257175" cy="279400"/>
                  </a:xfrm>
                  <a:custGeom>
                    <a:avLst/>
                    <a:gdLst>
                      <a:gd name="connsiteX0" fmla="*/ 0 w 257175"/>
                      <a:gd name="connsiteY0" fmla="*/ 0 h 279400"/>
                      <a:gd name="connsiteX1" fmla="*/ 0 w 257175"/>
                      <a:gd name="connsiteY1" fmla="*/ 279400 h 279400"/>
                      <a:gd name="connsiteX2" fmla="*/ 262890 w 257175"/>
                      <a:gd name="connsiteY2" fmla="*/ 279400 h 279400"/>
                      <a:gd name="connsiteX3" fmla="*/ 262890 w 257175"/>
                      <a:gd name="connsiteY3" fmla="*/ 0 h 279400"/>
                      <a:gd name="connsiteX4" fmla="*/ 240030 w 257175"/>
                      <a:gd name="connsiteY4" fmla="*/ 257048 h 279400"/>
                      <a:gd name="connsiteX5" fmla="*/ 194310 w 257175"/>
                      <a:gd name="connsiteY5" fmla="*/ 257048 h 279400"/>
                      <a:gd name="connsiteX6" fmla="*/ 194310 w 257175"/>
                      <a:gd name="connsiteY6" fmla="*/ 167640 h 279400"/>
                      <a:gd name="connsiteX7" fmla="*/ 170783 w 257175"/>
                      <a:gd name="connsiteY7" fmla="*/ 145288 h 279400"/>
                      <a:gd name="connsiteX8" fmla="*/ 92869 w 257175"/>
                      <a:gd name="connsiteY8" fmla="*/ 145288 h 279400"/>
                      <a:gd name="connsiteX9" fmla="*/ 68580 w 257175"/>
                      <a:gd name="connsiteY9" fmla="*/ 167640 h 279400"/>
                      <a:gd name="connsiteX10" fmla="*/ 68580 w 257175"/>
                      <a:gd name="connsiteY10" fmla="*/ 257048 h 279400"/>
                      <a:gd name="connsiteX11" fmla="*/ 22860 w 257175"/>
                      <a:gd name="connsiteY11" fmla="*/ 257048 h 279400"/>
                      <a:gd name="connsiteX12" fmla="*/ 22860 w 257175"/>
                      <a:gd name="connsiteY12" fmla="*/ 22352 h 279400"/>
                      <a:gd name="connsiteX13" fmla="*/ 240030 w 257175"/>
                      <a:gd name="connsiteY13" fmla="*/ 22352 h 279400"/>
                      <a:gd name="connsiteX14" fmla="*/ 240030 w 257175"/>
                      <a:gd name="connsiteY14" fmla="*/ 257048 h 27940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</a:cxnLst>
                    <a:rect l="l" t="t" r="r" b="b"/>
                    <a:pathLst>
                      <a:path w="257175" h="279400">
                        <a:moveTo>
                          <a:pt x="0" y="0"/>
                        </a:moveTo>
                        <a:lnTo>
                          <a:pt x="0" y="279400"/>
                        </a:lnTo>
                        <a:lnTo>
                          <a:pt x="262890" y="279400"/>
                        </a:lnTo>
                        <a:lnTo>
                          <a:pt x="262890" y="0"/>
                        </a:lnTo>
                        <a:close/>
                        <a:moveTo>
                          <a:pt x="240030" y="257048"/>
                        </a:moveTo>
                        <a:lnTo>
                          <a:pt x="194310" y="257048"/>
                        </a:lnTo>
                        <a:lnTo>
                          <a:pt x="194310" y="167640"/>
                        </a:lnTo>
                        <a:cubicBezTo>
                          <a:pt x="193999" y="155169"/>
                          <a:pt x="183541" y="145234"/>
                          <a:pt x="170783" y="145288"/>
                        </a:cubicBezTo>
                        <a:lnTo>
                          <a:pt x="92869" y="145288"/>
                        </a:lnTo>
                        <a:cubicBezTo>
                          <a:pt x="79955" y="145172"/>
                          <a:pt x="69243" y="155029"/>
                          <a:pt x="68580" y="167640"/>
                        </a:cubicBezTo>
                        <a:lnTo>
                          <a:pt x="68580" y="257048"/>
                        </a:lnTo>
                        <a:lnTo>
                          <a:pt x="22860" y="257048"/>
                        </a:lnTo>
                        <a:lnTo>
                          <a:pt x="22860" y="22352"/>
                        </a:lnTo>
                        <a:lnTo>
                          <a:pt x="240030" y="22352"/>
                        </a:lnTo>
                        <a:lnTo>
                          <a:pt x="240030" y="257048"/>
                        </a:lnTo>
                        <a:close/>
                      </a:path>
                    </a:pathLst>
                  </a:custGeom>
                  <a:solidFill>
                    <a:schemeClr val="bg2"/>
                  </a:solidFill>
                  <a:ln w="9525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nl-NL" sz="1900"/>
                  </a:p>
                </p:txBody>
              </p:sp>
            </p:grpSp>
            <p:sp>
              <p:nvSpPr>
                <p:cNvPr id="95" name="Tekstvak 94">
                  <a:extLst>
                    <a:ext uri="{FF2B5EF4-FFF2-40B4-BE49-F238E27FC236}">
                      <a16:creationId xmlns="" xmlns:a16="http://schemas.microsoft.com/office/drawing/2014/main" id="{AC2A793C-3080-2243-B566-4E1078FE199C}"/>
                    </a:ext>
                  </a:extLst>
                </p:cNvPr>
                <p:cNvSpPr txBox="1"/>
                <p:nvPr/>
              </p:nvSpPr>
              <p:spPr>
                <a:xfrm>
                  <a:off x="5731575" y="30945"/>
                  <a:ext cx="1023055" cy="350871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 anchor="ctr" anchorCtr="0">
                  <a:spAutoFit/>
                </a:bodyPr>
                <a:lstStyle/>
                <a:p>
                  <a:r>
                    <a:rPr lang="ru-RU" sz="1150" b="0" i="0" strike="noStrike" cap="none" spc="0" baseline="0">
                      <a:solidFill>
                        <a:srgbClr val="FFFFFF"/>
                      </a:solidFill>
                      <a:effectLst/>
                      <a:latin typeface="Arial"/>
                      <a:ea typeface="Arial"/>
                      <a:cs typeface="Arial"/>
                    </a:rPr>
                    <a:t>Клинические случаи</a:t>
                  </a:r>
                </a:p>
              </p:txBody>
            </p:sp>
          </p:grpSp>
          <p:grpSp>
            <p:nvGrpSpPr>
              <p:cNvPr id="83" name="Groep 82">
                <a:extLst>
                  <a:ext uri="{FF2B5EF4-FFF2-40B4-BE49-F238E27FC236}">
                    <a16:creationId xmlns="" xmlns:a16="http://schemas.microsoft.com/office/drawing/2014/main" id="{4749A18F-07CA-A549-BE77-583ED939CC5E}"/>
                  </a:ext>
                </a:extLst>
              </p:cNvPr>
              <p:cNvGrpSpPr/>
              <p:nvPr/>
            </p:nvGrpSpPr>
            <p:grpSpPr>
              <a:xfrm>
                <a:off x="6852061" y="111117"/>
                <a:ext cx="713343" cy="198775"/>
                <a:chOff x="6846694" y="111117"/>
                <a:chExt cx="713343" cy="198775"/>
              </a:xfrm>
            </p:grpSpPr>
            <p:grpSp>
              <p:nvGrpSpPr>
                <p:cNvPr id="89" name="Graphic 65">
                  <a:extLst>
                    <a:ext uri="{FF2B5EF4-FFF2-40B4-BE49-F238E27FC236}">
                      <a16:creationId xmlns="" xmlns:a16="http://schemas.microsoft.com/office/drawing/2014/main" id="{1D617E11-E89B-FB4B-A534-866082B5B2C7}"/>
                    </a:ext>
                  </a:extLst>
                </p:cNvPr>
                <p:cNvGrpSpPr/>
                <p:nvPr/>
              </p:nvGrpSpPr>
              <p:grpSpPr>
                <a:xfrm>
                  <a:off x="6846694" y="111117"/>
                  <a:ext cx="168242" cy="198775"/>
                  <a:chOff x="4457700" y="3289300"/>
                  <a:chExt cx="228600" cy="270087"/>
                </a:xfrm>
                <a:solidFill>
                  <a:schemeClr val="bg2"/>
                </a:solidFill>
              </p:grpSpPr>
              <p:sp>
                <p:nvSpPr>
                  <p:cNvPr id="91" name="Vrije vorm 90">
                    <a:extLst>
                      <a:ext uri="{FF2B5EF4-FFF2-40B4-BE49-F238E27FC236}">
                        <a16:creationId xmlns="" xmlns:a16="http://schemas.microsoft.com/office/drawing/2014/main" id="{7C3FD219-E9B6-1447-B349-960D5C3405A1}"/>
                      </a:ext>
                    </a:extLst>
                  </p:cNvPr>
                  <p:cNvSpPr/>
                  <p:nvPr/>
                </p:nvSpPr>
                <p:spPr>
                  <a:xfrm>
                    <a:off x="4457700" y="3401433"/>
                    <a:ext cx="228600" cy="158327"/>
                  </a:xfrm>
                  <a:custGeom>
                    <a:avLst/>
                    <a:gdLst>
                      <a:gd name="connsiteX0" fmla="*/ 210952 w 228600"/>
                      <a:gd name="connsiteY0" fmla="*/ 167267 h 158326"/>
                      <a:gd name="connsiteX1" fmla="*/ 18197 w 228600"/>
                      <a:gd name="connsiteY1" fmla="*/ 167267 h 158326"/>
                      <a:gd name="connsiteX2" fmla="*/ 50932 w 228600"/>
                      <a:gd name="connsiteY2" fmla="*/ 101795 h 158326"/>
                      <a:gd name="connsiteX3" fmla="*/ 0 w 228600"/>
                      <a:gd name="connsiteY3" fmla="*/ 0 h 158326"/>
                      <a:gd name="connsiteX4" fmla="*/ 229149 w 228600"/>
                      <a:gd name="connsiteY4" fmla="*/ 0 h 158326"/>
                      <a:gd name="connsiteX5" fmla="*/ 178308 w 228600"/>
                      <a:gd name="connsiteY5" fmla="*/ 101236 h 158326"/>
                      <a:gd name="connsiteX6" fmla="*/ 210952 w 228600"/>
                      <a:gd name="connsiteY6" fmla="*/ 167267 h 158326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</a:cxnLst>
                    <a:rect l="l" t="t" r="r" b="b"/>
                    <a:pathLst>
                      <a:path w="228600" h="158326">
                        <a:moveTo>
                          <a:pt x="210952" y="167267"/>
                        </a:moveTo>
                        <a:lnTo>
                          <a:pt x="18197" y="167267"/>
                        </a:lnTo>
                        <a:lnTo>
                          <a:pt x="50932" y="101795"/>
                        </a:lnTo>
                        <a:lnTo>
                          <a:pt x="0" y="0"/>
                        </a:lnTo>
                        <a:lnTo>
                          <a:pt x="229149" y="0"/>
                        </a:lnTo>
                        <a:lnTo>
                          <a:pt x="178308" y="101236"/>
                        </a:lnTo>
                        <a:lnTo>
                          <a:pt x="210952" y="167267"/>
                        </a:lnTo>
                        <a:close/>
                      </a:path>
                    </a:pathLst>
                  </a:custGeom>
                  <a:grpFill/>
                  <a:ln w="9144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nl-NL" sz="1900"/>
                  </a:p>
                </p:txBody>
              </p:sp>
              <p:sp>
                <p:nvSpPr>
                  <p:cNvPr id="92" name="Vrije vorm 91">
                    <a:extLst>
                      <a:ext uri="{FF2B5EF4-FFF2-40B4-BE49-F238E27FC236}">
                        <a16:creationId xmlns="" xmlns:a16="http://schemas.microsoft.com/office/drawing/2014/main" id="{68CD7848-B341-5346-91D3-7ABB8734210C}"/>
                      </a:ext>
                    </a:extLst>
                  </p:cNvPr>
                  <p:cNvSpPr/>
                  <p:nvPr/>
                </p:nvSpPr>
                <p:spPr>
                  <a:xfrm>
                    <a:off x="4599981" y="3312304"/>
                    <a:ext cx="36576" cy="65193"/>
                  </a:xfrm>
                  <a:custGeom>
                    <a:avLst/>
                    <a:gdLst>
                      <a:gd name="connsiteX0" fmla="*/ 22311 w 36576"/>
                      <a:gd name="connsiteY0" fmla="*/ 0 h 65193"/>
                      <a:gd name="connsiteX1" fmla="*/ 44257 w 36576"/>
                      <a:gd name="connsiteY1" fmla="*/ 0 h 65193"/>
                      <a:gd name="connsiteX2" fmla="*/ 21854 w 36576"/>
                      <a:gd name="connsiteY2" fmla="*/ 66870 h 65193"/>
                      <a:gd name="connsiteX3" fmla="*/ 0 w 36576"/>
                      <a:gd name="connsiteY3" fmla="*/ 66870 h 65193"/>
                      <a:gd name="connsiteX4" fmla="*/ 22311 w 36576"/>
                      <a:gd name="connsiteY4" fmla="*/ 0 h 65193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</a:cxnLst>
                    <a:rect l="l" t="t" r="r" b="b"/>
                    <a:pathLst>
                      <a:path w="36576" h="65193">
                        <a:moveTo>
                          <a:pt x="22311" y="0"/>
                        </a:moveTo>
                        <a:lnTo>
                          <a:pt x="44257" y="0"/>
                        </a:lnTo>
                        <a:lnTo>
                          <a:pt x="21854" y="66870"/>
                        </a:lnTo>
                        <a:lnTo>
                          <a:pt x="0" y="66870"/>
                        </a:lnTo>
                        <a:lnTo>
                          <a:pt x="22311" y="0"/>
                        </a:lnTo>
                        <a:close/>
                      </a:path>
                    </a:pathLst>
                  </a:custGeom>
                  <a:grpFill/>
                  <a:ln w="9144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nl-NL" sz="1900"/>
                  </a:p>
                </p:txBody>
              </p:sp>
              <p:sp>
                <p:nvSpPr>
                  <p:cNvPr id="93" name="Vrije vorm 92">
                    <a:extLst>
                      <a:ext uri="{FF2B5EF4-FFF2-40B4-BE49-F238E27FC236}">
                        <a16:creationId xmlns="" xmlns:a16="http://schemas.microsoft.com/office/drawing/2014/main" id="{49ADD215-B95C-5041-A805-EBC55A9F0EEC}"/>
                      </a:ext>
                    </a:extLst>
                  </p:cNvPr>
                  <p:cNvSpPr/>
                  <p:nvPr/>
                </p:nvSpPr>
                <p:spPr>
                  <a:xfrm>
                    <a:off x="4608119" y="3289300"/>
                    <a:ext cx="45720" cy="46567"/>
                  </a:xfrm>
                  <a:custGeom>
                    <a:avLst/>
                    <a:gdLst>
                      <a:gd name="connsiteX0" fmla="*/ 49377 w 45720"/>
                      <a:gd name="connsiteY0" fmla="*/ 25053 h 46566"/>
                      <a:gd name="connsiteX1" fmla="*/ 24780 w 45720"/>
                      <a:gd name="connsiteY1" fmla="*/ 50292 h 46566"/>
                      <a:gd name="connsiteX2" fmla="*/ 0 w 45720"/>
                      <a:gd name="connsiteY2" fmla="*/ 25239 h 46566"/>
                      <a:gd name="connsiteX3" fmla="*/ 24597 w 45720"/>
                      <a:gd name="connsiteY3" fmla="*/ 0 h 46566"/>
                      <a:gd name="connsiteX4" fmla="*/ 24689 w 45720"/>
                      <a:gd name="connsiteY4" fmla="*/ 0 h 46566"/>
                      <a:gd name="connsiteX5" fmla="*/ 49377 w 45720"/>
                      <a:gd name="connsiteY5" fmla="*/ 25053 h 46566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</a:cxnLst>
                    <a:rect l="l" t="t" r="r" b="b"/>
                    <a:pathLst>
                      <a:path w="45720" h="46566">
                        <a:moveTo>
                          <a:pt x="49377" y="25053"/>
                        </a:moveTo>
                        <a:cubicBezTo>
                          <a:pt x="49428" y="38941"/>
                          <a:pt x="38415" y="50240"/>
                          <a:pt x="24780" y="50292"/>
                        </a:cubicBezTo>
                        <a:cubicBezTo>
                          <a:pt x="11145" y="50343"/>
                          <a:pt x="51" y="39127"/>
                          <a:pt x="0" y="25239"/>
                        </a:cubicBezTo>
                        <a:cubicBezTo>
                          <a:pt x="-50" y="11351"/>
                          <a:pt x="10962" y="52"/>
                          <a:pt x="24597" y="0"/>
                        </a:cubicBezTo>
                        <a:cubicBezTo>
                          <a:pt x="24628" y="0"/>
                          <a:pt x="24658" y="0"/>
                          <a:pt x="24689" y="0"/>
                        </a:cubicBezTo>
                        <a:cubicBezTo>
                          <a:pt x="38288" y="0"/>
                          <a:pt x="49327" y="11201"/>
                          <a:pt x="49377" y="25053"/>
                        </a:cubicBezTo>
                      </a:path>
                    </a:pathLst>
                  </a:custGeom>
                  <a:grpFill/>
                  <a:ln w="9144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nl-NL" sz="1900"/>
                  </a:p>
                </p:txBody>
              </p:sp>
            </p:grpSp>
            <p:sp>
              <p:nvSpPr>
                <p:cNvPr id="90" name="Tekstvak 89">
                  <a:extLst>
                    <a:ext uri="{FF2B5EF4-FFF2-40B4-BE49-F238E27FC236}">
                      <a16:creationId xmlns="" xmlns:a16="http://schemas.microsoft.com/office/drawing/2014/main" id="{B0A3899B-6CA7-574A-B5FD-7085A6E61EF2}"/>
                    </a:ext>
                  </a:extLst>
                </p:cNvPr>
                <p:cNvSpPr txBox="1"/>
                <p:nvPr/>
              </p:nvSpPr>
              <p:spPr>
                <a:xfrm>
                  <a:off x="7135904" y="118662"/>
                  <a:ext cx="424556" cy="17543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 anchor="ctr" anchorCtr="0">
                  <a:spAutoFit/>
                </a:bodyPr>
                <a:lstStyle/>
                <a:p>
                  <a:r>
                    <a:rPr lang="ru-RU" sz="1150" b="0" i="0" strike="noStrike" cap="none" spc="0" baseline="0">
                      <a:solidFill>
                        <a:srgbClr val="FFFFFF"/>
                      </a:solidFill>
                      <a:effectLst/>
                      <a:latin typeface="Arial"/>
                      <a:ea typeface="Arial"/>
                      <a:cs typeface="Arial"/>
                    </a:rPr>
                    <a:t>ИМП</a:t>
                  </a:r>
                </a:p>
              </p:txBody>
            </p:sp>
          </p:grpSp>
          <p:grpSp>
            <p:nvGrpSpPr>
              <p:cNvPr id="84" name="Groep 83">
                <a:extLst>
                  <a:ext uri="{FF2B5EF4-FFF2-40B4-BE49-F238E27FC236}">
                    <a16:creationId xmlns="" xmlns:a16="http://schemas.microsoft.com/office/drawing/2014/main" id="{74AA7C75-AD14-334E-A06D-343E7BFAAE9A}"/>
                  </a:ext>
                </a:extLst>
              </p:cNvPr>
              <p:cNvGrpSpPr/>
              <p:nvPr/>
            </p:nvGrpSpPr>
            <p:grpSpPr>
              <a:xfrm>
                <a:off x="7788647" y="108444"/>
                <a:ext cx="987540" cy="204121"/>
                <a:chOff x="7783280" y="108444"/>
                <a:chExt cx="987540" cy="204121"/>
              </a:xfrm>
            </p:grpSpPr>
            <p:grpSp>
              <p:nvGrpSpPr>
                <p:cNvPr id="85" name="Graphic 74">
                  <a:extLst>
                    <a:ext uri="{FF2B5EF4-FFF2-40B4-BE49-F238E27FC236}">
                      <a16:creationId xmlns="" xmlns:a16="http://schemas.microsoft.com/office/drawing/2014/main" id="{AB77C019-2721-6E4F-9412-4CD473386076}"/>
                    </a:ext>
                  </a:extLst>
                </p:cNvPr>
                <p:cNvGrpSpPr/>
                <p:nvPr/>
              </p:nvGrpSpPr>
              <p:grpSpPr>
                <a:xfrm>
                  <a:off x="7783280" y="108444"/>
                  <a:ext cx="188043" cy="204121"/>
                  <a:chOff x="4445000" y="3289300"/>
                  <a:chExt cx="255505" cy="277351"/>
                </a:xfrm>
                <a:solidFill>
                  <a:schemeClr val="bg2"/>
                </a:solidFill>
              </p:grpSpPr>
              <p:sp>
                <p:nvSpPr>
                  <p:cNvPr id="87" name="Vrije vorm 86">
                    <a:extLst>
                      <a:ext uri="{FF2B5EF4-FFF2-40B4-BE49-F238E27FC236}">
                        <a16:creationId xmlns="" xmlns:a16="http://schemas.microsoft.com/office/drawing/2014/main" id="{7EA5511D-8199-BD49-8B1A-F660A28570A5}"/>
                      </a:ext>
                    </a:extLst>
                  </p:cNvPr>
                  <p:cNvSpPr/>
                  <p:nvPr/>
                </p:nvSpPr>
                <p:spPr>
                  <a:xfrm>
                    <a:off x="4474727" y="3289300"/>
                    <a:ext cx="225778" cy="223520"/>
                  </a:xfrm>
                  <a:custGeom>
                    <a:avLst/>
                    <a:gdLst>
                      <a:gd name="connsiteX0" fmla="*/ 72437 w 225777"/>
                      <a:gd name="connsiteY0" fmla="*/ 230319 h 223520"/>
                      <a:gd name="connsiteX1" fmla="*/ 0 w 225777"/>
                      <a:gd name="connsiteY1" fmla="*/ 165964 h 223520"/>
                      <a:gd name="connsiteX2" fmla="*/ 0 w 225777"/>
                      <a:gd name="connsiteY2" fmla="*/ 165964 h 223520"/>
                      <a:gd name="connsiteX3" fmla="*/ 28504 w 225777"/>
                      <a:gd name="connsiteY3" fmla="*/ 127500 h 223520"/>
                      <a:gd name="connsiteX4" fmla="*/ 68580 w 225777"/>
                      <a:gd name="connsiteY4" fmla="*/ 183566 h 223520"/>
                      <a:gd name="connsiteX5" fmla="*/ 190688 w 225777"/>
                      <a:gd name="connsiteY5" fmla="*/ 0 h 223520"/>
                      <a:gd name="connsiteX6" fmla="*/ 226060 w 225777"/>
                      <a:gd name="connsiteY6" fmla="*/ 24028 h 223520"/>
                      <a:gd name="connsiteX7" fmla="*/ 72437 w 225777"/>
                      <a:gd name="connsiteY7" fmla="*/ 230319 h 223520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</a:cxnLst>
                    <a:rect l="l" t="t" r="r" b="b"/>
                    <a:pathLst>
                      <a:path w="225777" h="223520">
                        <a:moveTo>
                          <a:pt x="72437" y="230319"/>
                        </a:moveTo>
                        <a:lnTo>
                          <a:pt x="0" y="165964"/>
                        </a:lnTo>
                        <a:lnTo>
                          <a:pt x="0" y="165964"/>
                        </a:lnTo>
                        <a:lnTo>
                          <a:pt x="28504" y="127500"/>
                        </a:lnTo>
                        <a:lnTo>
                          <a:pt x="68580" y="183566"/>
                        </a:lnTo>
                        <a:lnTo>
                          <a:pt x="190688" y="0"/>
                        </a:lnTo>
                        <a:lnTo>
                          <a:pt x="226060" y="24028"/>
                        </a:lnTo>
                        <a:lnTo>
                          <a:pt x="72437" y="230319"/>
                        </a:lnTo>
                        <a:close/>
                      </a:path>
                    </a:pathLst>
                  </a:custGeom>
                  <a:grpFill/>
                  <a:ln w="9172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nl-NL" sz="1900"/>
                  </a:p>
                </p:txBody>
              </p:sp>
              <p:sp>
                <p:nvSpPr>
                  <p:cNvPr id="88" name="Vrije vorm 87">
                    <a:extLst>
                      <a:ext uri="{FF2B5EF4-FFF2-40B4-BE49-F238E27FC236}">
                        <a16:creationId xmlns="" xmlns:a16="http://schemas.microsoft.com/office/drawing/2014/main" id="{EAF818DD-844E-F842-8BCC-7FC3263B1BE1}"/>
                      </a:ext>
                    </a:extLst>
                  </p:cNvPr>
                  <p:cNvSpPr/>
                  <p:nvPr/>
                </p:nvSpPr>
                <p:spPr>
                  <a:xfrm>
                    <a:off x="4445000" y="3296564"/>
                    <a:ext cx="225778" cy="270087"/>
                  </a:xfrm>
                  <a:custGeom>
                    <a:avLst/>
                    <a:gdLst>
                      <a:gd name="connsiteX0" fmla="*/ 229070 w 225777"/>
                      <a:gd name="connsiteY0" fmla="*/ 272136 h 270086"/>
                      <a:gd name="connsiteX1" fmla="*/ 0 w 225777"/>
                      <a:gd name="connsiteY1" fmla="*/ 272136 h 270086"/>
                      <a:gd name="connsiteX2" fmla="*/ 0 w 225777"/>
                      <a:gd name="connsiteY2" fmla="*/ 0 h 270086"/>
                      <a:gd name="connsiteX3" fmla="*/ 187960 w 225777"/>
                      <a:gd name="connsiteY3" fmla="*/ 0 h 270086"/>
                      <a:gd name="connsiteX4" fmla="*/ 172720 w 225777"/>
                      <a:gd name="connsiteY4" fmla="*/ 22631 h 270086"/>
                      <a:gd name="connsiteX5" fmla="*/ 22954 w 225777"/>
                      <a:gd name="connsiteY5" fmla="*/ 22631 h 270086"/>
                      <a:gd name="connsiteX6" fmla="*/ 22954 w 225777"/>
                      <a:gd name="connsiteY6" fmla="*/ 249504 h 270086"/>
                      <a:gd name="connsiteX7" fmla="*/ 206210 w 225777"/>
                      <a:gd name="connsiteY7" fmla="*/ 249504 h 270086"/>
                      <a:gd name="connsiteX8" fmla="*/ 206210 w 225777"/>
                      <a:gd name="connsiteY8" fmla="*/ 139886 h 270086"/>
                      <a:gd name="connsiteX9" fmla="*/ 229070 w 225777"/>
                      <a:gd name="connsiteY9" fmla="*/ 107755 h 270086"/>
                      <a:gd name="connsiteX10" fmla="*/ 229070 w 225777"/>
                      <a:gd name="connsiteY10" fmla="*/ 272136 h 270086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</a:cxnLst>
                    <a:rect l="l" t="t" r="r" b="b"/>
                    <a:pathLst>
                      <a:path w="225777" h="270086">
                        <a:moveTo>
                          <a:pt x="229070" y="272136"/>
                        </a:moveTo>
                        <a:lnTo>
                          <a:pt x="0" y="272136"/>
                        </a:lnTo>
                        <a:lnTo>
                          <a:pt x="0" y="0"/>
                        </a:lnTo>
                        <a:lnTo>
                          <a:pt x="187960" y="0"/>
                        </a:lnTo>
                        <a:lnTo>
                          <a:pt x="172720" y="22631"/>
                        </a:lnTo>
                        <a:lnTo>
                          <a:pt x="22954" y="22631"/>
                        </a:lnTo>
                        <a:lnTo>
                          <a:pt x="22954" y="249504"/>
                        </a:lnTo>
                        <a:lnTo>
                          <a:pt x="206210" y="249504"/>
                        </a:lnTo>
                        <a:lnTo>
                          <a:pt x="206210" y="139886"/>
                        </a:lnTo>
                        <a:lnTo>
                          <a:pt x="229070" y="107755"/>
                        </a:lnTo>
                        <a:lnTo>
                          <a:pt x="229070" y="272136"/>
                        </a:lnTo>
                        <a:close/>
                      </a:path>
                    </a:pathLst>
                  </a:custGeom>
                  <a:grpFill/>
                  <a:ln w="9172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nl-NL" sz="1900"/>
                  </a:p>
                </p:txBody>
              </p:sp>
            </p:grpSp>
            <p:sp>
              <p:nvSpPr>
                <p:cNvPr id="86" name="Tekstvak 85">
                  <a:extLst>
                    <a:ext uri="{FF2B5EF4-FFF2-40B4-BE49-F238E27FC236}">
                      <a16:creationId xmlns="" xmlns:a16="http://schemas.microsoft.com/office/drawing/2014/main" id="{B8ADD0E5-C2BB-5649-8B28-8925BDC827B5}"/>
                    </a:ext>
                  </a:extLst>
                </p:cNvPr>
                <p:cNvSpPr txBox="1"/>
                <p:nvPr/>
              </p:nvSpPr>
              <p:spPr>
                <a:xfrm>
                  <a:off x="8091097" y="118662"/>
                  <a:ext cx="680404" cy="175435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 anchor="ctr" anchorCtr="0">
                  <a:spAutoFit/>
                </a:bodyPr>
                <a:lstStyle/>
                <a:p>
                  <a:r>
                    <a:rPr lang="ru-RU" sz="1150" b="0" i="0" strike="noStrike" cap="none" spc="0" baseline="0">
                      <a:solidFill>
                        <a:srgbClr val="FFFFFF"/>
                      </a:solidFill>
                      <a:effectLst/>
                      <a:latin typeface="Arial"/>
                      <a:ea typeface="Arial"/>
                      <a:cs typeface="Arial"/>
                    </a:rPr>
                    <a:t>Резюме</a:t>
                  </a:r>
                </a:p>
              </p:txBody>
            </p:sp>
          </p:grpSp>
        </p:grpSp>
        <p:grpSp>
          <p:nvGrpSpPr>
            <p:cNvPr id="73" name="Groep 72">
              <a:extLst>
                <a:ext uri="{FF2B5EF4-FFF2-40B4-BE49-F238E27FC236}">
                  <a16:creationId xmlns="" xmlns:a16="http://schemas.microsoft.com/office/drawing/2014/main" id="{E8AB80E9-2A8F-F348-881D-989A866D706C}"/>
                </a:ext>
              </a:extLst>
            </p:cNvPr>
            <p:cNvGrpSpPr/>
            <p:nvPr userDrawn="1"/>
          </p:nvGrpSpPr>
          <p:grpSpPr>
            <a:xfrm>
              <a:off x="9394488" y="107691"/>
              <a:ext cx="1394301" cy="198775"/>
              <a:chOff x="8932829" y="107691"/>
              <a:chExt cx="1394301" cy="198775"/>
            </a:xfrm>
          </p:grpSpPr>
          <p:grpSp>
            <p:nvGrpSpPr>
              <p:cNvPr id="74" name="Graphic 53">
                <a:extLst>
                  <a:ext uri="{FF2B5EF4-FFF2-40B4-BE49-F238E27FC236}">
                    <a16:creationId xmlns="" xmlns:a16="http://schemas.microsoft.com/office/drawing/2014/main" id="{927696FF-83FB-6D40-9C29-2AA6A60C0625}"/>
                  </a:ext>
                </a:extLst>
              </p:cNvPr>
              <p:cNvGrpSpPr/>
              <p:nvPr userDrawn="1"/>
            </p:nvGrpSpPr>
            <p:grpSpPr>
              <a:xfrm>
                <a:off x="8932829" y="107691"/>
                <a:ext cx="271057" cy="198775"/>
                <a:chOff x="4387850" y="3289432"/>
                <a:chExt cx="368300" cy="270087"/>
              </a:xfrm>
              <a:solidFill>
                <a:schemeClr val="tx2"/>
              </a:solidFill>
            </p:grpSpPr>
            <p:sp>
              <p:nvSpPr>
                <p:cNvPr id="76" name="Vrije vorm 75">
                  <a:extLst>
                    <a:ext uri="{FF2B5EF4-FFF2-40B4-BE49-F238E27FC236}">
                      <a16:creationId xmlns="" xmlns:a16="http://schemas.microsoft.com/office/drawing/2014/main" id="{4AE60253-CCED-CE4D-A3F2-902820C4D8C0}"/>
                    </a:ext>
                  </a:extLst>
                </p:cNvPr>
                <p:cNvSpPr/>
                <p:nvPr/>
              </p:nvSpPr>
              <p:spPr>
                <a:xfrm>
                  <a:off x="4387850" y="3334283"/>
                  <a:ext cx="84992" cy="176953"/>
                </a:xfrm>
                <a:custGeom>
                  <a:avLst/>
                  <a:gdLst>
                    <a:gd name="connsiteX0" fmla="*/ 33430 w 84992"/>
                    <a:gd name="connsiteY0" fmla="*/ 92947 h 176953"/>
                    <a:gd name="connsiteX1" fmla="*/ 94247 w 84992"/>
                    <a:gd name="connsiteY1" fmla="*/ 32969 h 176953"/>
                    <a:gd name="connsiteX2" fmla="*/ 94247 w 84992"/>
                    <a:gd name="connsiteY2" fmla="*/ 0 h 176953"/>
                    <a:gd name="connsiteX3" fmla="*/ 0 w 84992"/>
                    <a:gd name="connsiteY3" fmla="*/ 92947 h 176953"/>
                    <a:gd name="connsiteX4" fmla="*/ 94247 w 84992"/>
                    <a:gd name="connsiteY4" fmla="*/ 185894 h 176953"/>
                    <a:gd name="connsiteX5" fmla="*/ 94247 w 84992"/>
                    <a:gd name="connsiteY5" fmla="*/ 152925 h 176953"/>
                    <a:gd name="connsiteX6" fmla="*/ 33430 w 84992"/>
                    <a:gd name="connsiteY6" fmla="*/ 92947 h 17695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</a:cxnLst>
                  <a:rect l="l" t="t" r="r" b="b"/>
                  <a:pathLst>
                    <a:path w="84992" h="176953">
                      <a:moveTo>
                        <a:pt x="33430" y="92947"/>
                      </a:moveTo>
                      <a:lnTo>
                        <a:pt x="94247" y="32969"/>
                      </a:lnTo>
                      <a:lnTo>
                        <a:pt x="94247" y="0"/>
                      </a:lnTo>
                      <a:lnTo>
                        <a:pt x="0" y="92947"/>
                      </a:lnTo>
                      <a:lnTo>
                        <a:pt x="94247" y="185894"/>
                      </a:lnTo>
                      <a:lnTo>
                        <a:pt x="94247" y="152925"/>
                      </a:lnTo>
                      <a:lnTo>
                        <a:pt x="33430" y="92947"/>
                      </a:lnTo>
                      <a:close/>
                    </a:path>
                  </a:pathLst>
                </a:custGeom>
                <a:grpFill/>
                <a:ln w="9281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77" name="Vrije vorm 76">
                  <a:extLst>
                    <a:ext uri="{FF2B5EF4-FFF2-40B4-BE49-F238E27FC236}">
                      <a16:creationId xmlns="" xmlns:a16="http://schemas.microsoft.com/office/drawing/2014/main" id="{94DF5E48-C5E0-5E42-A508-9B50ADBB43BD}"/>
                    </a:ext>
                  </a:extLst>
                </p:cNvPr>
                <p:cNvSpPr/>
                <p:nvPr/>
              </p:nvSpPr>
              <p:spPr>
                <a:xfrm>
                  <a:off x="4477186" y="3289432"/>
                  <a:ext cx="273864" cy="121073"/>
                </a:xfrm>
                <a:custGeom>
                  <a:avLst/>
                  <a:gdLst>
                    <a:gd name="connsiteX0" fmla="*/ 196804 w 273864"/>
                    <a:gd name="connsiteY0" fmla="*/ 99334 h 121073"/>
                    <a:gd name="connsiteX1" fmla="*/ 54112 w 273864"/>
                    <a:gd name="connsiteY1" fmla="*/ 99334 h 121073"/>
                    <a:gd name="connsiteX2" fmla="*/ 205213 w 273864"/>
                    <a:gd name="connsiteY2" fmla="*/ 30271 h 121073"/>
                    <a:gd name="connsiteX3" fmla="*/ 264987 w 273864"/>
                    <a:gd name="connsiteY3" fmla="*/ 78472 h 121073"/>
                    <a:gd name="connsiteX4" fmla="*/ 282174 w 273864"/>
                    <a:gd name="connsiteY4" fmla="*/ 61522 h 121073"/>
                    <a:gd name="connsiteX5" fmla="*/ 85502 w 273864"/>
                    <a:gd name="connsiteY5" fmla="*/ 23947 h 121073"/>
                    <a:gd name="connsiteX6" fmla="*/ 29181 w 273864"/>
                    <a:gd name="connsiteY6" fmla="*/ 99334 h 121073"/>
                    <a:gd name="connsiteX7" fmla="*/ 0 w 273864"/>
                    <a:gd name="connsiteY7" fmla="*/ 99334 h 121073"/>
                    <a:gd name="connsiteX8" fmla="*/ 0 w 273864"/>
                    <a:gd name="connsiteY8" fmla="*/ 122617 h 121073"/>
                    <a:gd name="connsiteX9" fmla="*/ 196804 w 273864"/>
                    <a:gd name="connsiteY9" fmla="*/ 122617 h 12107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</a:cxnLst>
                  <a:rect l="l" t="t" r="r" b="b"/>
                  <a:pathLst>
                    <a:path w="273864" h="121072">
                      <a:moveTo>
                        <a:pt x="196804" y="99334"/>
                      </a:moveTo>
                      <a:lnTo>
                        <a:pt x="54112" y="99334"/>
                      </a:lnTo>
                      <a:cubicBezTo>
                        <a:pt x="76499" y="39113"/>
                        <a:pt x="144149" y="8192"/>
                        <a:pt x="205213" y="30271"/>
                      </a:cubicBezTo>
                      <a:cubicBezTo>
                        <a:pt x="230064" y="39257"/>
                        <a:pt x="251121" y="56237"/>
                        <a:pt x="264987" y="78472"/>
                      </a:cubicBezTo>
                      <a:lnTo>
                        <a:pt x="282174" y="61522"/>
                      </a:lnTo>
                      <a:cubicBezTo>
                        <a:pt x="238386" y="-2415"/>
                        <a:pt x="150333" y="-19238"/>
                        <a:pt x="85502" y="23947"/>
                      </a:cubicBezTo>
                      <a:cubicBezTo>
                        <a:pt x="58493" y="41938"/>
                        <a:pt x="38601" y="68563"/>
                        <a:pt x="29181" y="99334"/>
                      </a:cubicBezTo>
                      <a:lnTo>
                        <a:pt x="0" y="99334"/>
                      </a:lnTo>
                      <a:lnTo>
                        <a:pt x="0" y="122617"/>
                      </a:lnTo>
                      <a:lnTo>
                        <a:pt x="196804" y="122617"/>
                      </a:lnTo>
                      <a:close/>
                    </a:path>
                  </a:pathLst>
                </a:custGeom>
                <a:grpFill/>
                <a:ln w="9281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  <p:sp>
              <p:nvSpPr>
                <p:cNvPr id="78" name="Vrije vorm 77">
                  <a:extLst>
                    <a:ext uri="{FF2B5EF4-FFF2-40B4-BE49-F238E27FC236}">
                      <a16:creationId xmlns="" xmlns:a16="http://schemas.microsoft.com/office/drawing/2014/main" id="{A4D08405-588C-6E4F-833E-66363EF87516}"/>
                    </a:ext>
                  </a:extLst>
                </p:cNvPr>
                <p:cNvSpPr/>
                <p:nvPr/>
              </p:nvSpPr>
              <p:spPr>
                <a:xfrm>
                  <a:off x="4477186" y="3445950"/>
                  <a:ext cx="283308" cy="121073"/>
                </a:xfrm>
                <a:custGeom>
                  <a:avLst/>
                  <a:gdLst>
                    <a:gd name="connsiteX0" fmla="*/ 266404 w 283307"/>
                    <a:gd name="connsiteY0" fmla="*/ 41910 h 121073"/>
                    <a:gd name="connsiteX1" fmla="*/ 105336 w 283307"/>
                    <a:gd name="connsiteY1" fmla="*/ 83668 h 121073"/>
                    <a:gd name="connsiteX2" fmla="*/ 54112 w 283307"/>
                    <a:gd name="connsiteY2" fmla="*/ 23283 h 121073"/>
                    <a:gd name="connsiteX3" fmla="*/ 196804 w 283307"/>
                    <a:gd name="connsiteY3" fmla="*/ 23283 h 121073"/>
                    <a:gd name="connsiteX4" fmla="*/ 196804 w 283307"/>
                    <a:gd name="connsiteY4" fmla="*/ 0 h 121073"/>
                    <a:gd name="connsiteX5" fmla="*/ 0 w 283307"/>
                    <a:gd name="connsiteY5" fmla="*/ 0 h 121073"/>
                    <a:gd name="connsiteX6" fmla="*/ 0 w 283307"/>
                    <a:gd name="connsiteY6" fmla="*/ 23283 h 121073"/>
                    <a:gd name="connsiteX7" fmla="*/ 29181 w 283307"/>
                    <a:gd name="connsiteY7" fmla="*/ 23283 h 121073"/>
                    <a:gd name="connsiteX8" fmla="*/ 205794 w 283307"/>
                    <a:gd name="connsiteY8" fmla="*/ 116528 h 121073"/>
                    <a:gd name="connsiteX9" fmla="*/ 283591 w 283307"/>
                    <a:gd name="connsiteY9" fmla="*/ 58860 h 12107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</a:cxnLst>
                  <a:rect l="l" t="t" r="r" b="b"/>
                  <a:pathLst>
                    <a:path w="283307" h="121072">
                      <a:moveTo>
                        <a:pt x="266404" y="41910"/>
                      </a:moveTo>
                      <a:cubicBezTo>
                        <a:pt x="233619" y="97305"/>
                        <a:pt x="161506" y="116001"/>
                        <a:pt x="105336" y="83668"/>
                      </a:cubicBezTo>
                      <a:cubicBezTo>
                        <a:pt x="81653" y="70036"/>
                        <a:pt x="63537" y="48679"/>
                        <a:pt x="54112" y="23283"/>
                      </a:cubicBezTo>
                      <a:lnTo>
                        <a:pt x="196804" y="23283"/>
                      </a:lnTo>
                      <a:lnTo>
                        <a:pt x="196804" y="0"/>
                      </a:lnTo>
                      <a:lnTo>
                        <a:pt x="0" y="0"/>
                      </a:lnTo>
                      <a:lnTo>
                        <a:pt x="0" y="23283"/>
                      </a:lnTo>
                      <a:lnTo>
                        <a:pt x="29181" y="23283"/>
                      </a:lnTo>
                      <a:cubicBezTo>
                        <a:pt x="51842" y="97130"/>
                        <a:pt x="130914" y="138877"/>
                        <a:pt x="205794" y="116528"/>
                      </a:cubicBezTo>
                      <a:cubicBezTo>
                        <a:pt x="237818" y="106970"/>
                        <a:pt x="265378" y="86541"/>
                        <a:pt x="283591" y="58860"/>
                      </a:cubicBezTo>
                      <a:close/>
                    </a:path>
                  </a:pathLst>
                </a:custGeom>
                <a:grpFill/>
                <a:ln w="9281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nl-NL" sz="1900"/>
                </a:p>
              </p:txBody>
            </p:sp>
          </p:grpSp>
          <p:sp>
            <p:nvSpPr>
              <p:cNvPr id="75" name="Tekstvak 74">
                <a:extLst>
                  <a:ext uri="{FF2B5EF4-FFF2-40B4-BE49-F238E27FC236}">
                    <a16:creationId xmlns="" xmlns:a16="http://schemas.microsoft.com/office/drawing/2014/main" id="{1FE3C9EC-8CF9-D541-A391-A0286FDEA424}"/>
                  </a:ext>
                </a:extLst>
              </p:cNvPr>
              <p:cNvSpPr txBox="1"/>
              <p:nvPr userDrawn="1"/>
            </p:nvSpPr>
            <p:spPr>
              <a:xfrm>
                <a:off x="9276434" y="118662"/>
                <a:ext cx="1051747" cy="17543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ctr" anchorCtr="0">
                <a:spAutoFit/>
              </a:bodyPr>
              <a:lstStyle/>
              <a:p>
                <a:r>
                  <a:rPr lang="ru-RU" sz="1150" b="0" i="0" strike="noStrike" cap="none" spc="0" baseline="0">
                    <a:solidFill>
                      <a:srgbClr val="5A5A5A"/>
                    </a:solidFill>
                    <a:effectLst/>
                    <a:latin typeface="Arial"/>
                    <a:ea typeface="Arial"/>
                    <a:cs typeface="Arial"/>
                  </a:rPr>
                  <a:t>Реимбурсация</a:t>
                </a:r>
              </a:p>
            </p:txBody>
          </p:sp>
        </p:grpSp>
      </p:grpSp>
      <p:grpSp>
        <p:nvGrpSpPr>
          <p:cNvPr id="207" name="Groep 177">
            <a:extLst>
              <a:ext uri="{FF2B5EF4-FFF2-40B4-BE49-F238E27FC236}">
                <a16:creationId xmlns="" xmlns:a16="http://schemas.microsoft.com/office/drawing/2014/main" id="{17FCB4BE-94C0-4C3C-8455-2FDAB64EA5BC}"/>
              </a:ext>
            </a:extLst>
          </p:cNvPr>
          <p:cNvGrpSpPr/>
          <p:nvPr userDrawn="1"/>
        </p:nvGrpSpPr>
        <p:grpSpPr>
          <a:xfrm>
            <a:off x="2136939" y="6458731"/>
            <a:ext cx="1478157" cy="199392"/>
            <a:chOff x="693440" y="6458731"/>
            <a:chExt cx="1108618" cy="199392"/>
          </a:xfrm>
        </p:grpSpPr>
        <p:grpSp>
          <p:nvGrpSpPr>
            <p:cNvPr id="208" name="Graphic 38">
              <a:extLst>
                <a:ext uri="{FF2B5EF4-FFF2-40B4-BE49-F238E27FC236}">
                  <a16:creationId xmlns="" xmlns:a16="http://schemas.microsoft.com/office/drawing/2014/main" id="{64E62DBC-78E2-4D40-9341-E747E67BDB7A}"/>
                </a:ext>
              </a:extLst>
            </p:cNvPr>
            <p:cNvGrpSpPr/>
            <p:nvPr/>
          </p:nvGrpSpPr>
          <p:grpSpPr>
            <a:xfrm>
              <a:off x="693440" y="6458731"/>
              <a:ext cx="179970" cy="199392"/>
              <a:chOff x="4445000" y="3289300"/>
              <a:chExt cx="244535" cy="270925"/>
            </a:xfrm>
            <a:solidFill>
              <a:schemeClr val="tx1"/>
            </a:solidFill>
          </p:grpSpPr>
          <p:sp>
            <p:nvSpPr>
              <p:cNvPr id="210" name="Vrije vorm 194">
                <a:extLst>
                  <a:ext uri="{FF2B5EF4-FFF2-40B4-BE49-F238E27FC236}">
                    <a16:creationId xmlns="" xmlns:a16="http://schemas.microsoft.com/office/drawing/2014/main" id="{D0C437D6-286C-4483-B073-DAAD63DCCA23}"/>
                  </a:ext>
                </a:extLst>
              </p:cNvPr>
              <p:cNvSpPr/>
              <p:nvPr/>
            </p:nvSpPr>
            <p:spPr>
              <a:xfrm>
                <a:off x="4445000" y="3532285"/>
                <a:ext cx="56444" cy="27940"/>
              </a:xfrm>
              <a:custGeom>
                <a:avLst/>
                <a:gdLst>
                  <a:gd name="connsiteX0" fmla="*/ 0 w 56444"/>
                  <a:gd name="connsiteY0" fmla="*/ 0 h 27940"/>
                  <a:gd name="connsiteX1" fmla="*/ 61336 w 56444"/>
                  <a:gd name="connsiteY1" fmla="*/ 0 h 27940"/>
                  <a:gd name="connsiteX2" fmla="*/ 61336 w 56444"/>
                  <a:gd name="connsiteY2" fmla="*/ 36415 h 27940"/>
                  <a:gd name="connsiteX3" fmla="*/ 0 w 56444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27940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11" name="Vrije vorm 195">
                <a:extLst>
                  <a:ext uri="{FF2B5EF4-FFF2-40B4-BE49-F238E27FC236}">
                    <a16:creationId xmlns="" xmlns:a16="http://schemas.microsoft.com/office/drawing/2014/main" id="{DB6E2885-4851-40A4-B236-C977C53550E3}"/>
                  </a:ext>
                </a:extLst>
              </p:cNvPr>
              <p:cNvSpPr/>
              <p:nvPr/>
            </p:nvSpPr>
            <p:spPr>
              <a:xfrm>
                <a:off x="4445000" y="3495777"/>
                <a:ext cx="56444" cy="18627"/>
              </a:xfrm>
              <a:custGeom>
                <a:avLst/>
                <a:gdLst>
                  <a:gd name="connsiteX0" fmla="*/ 0 w 56444"/>
                  <a:gd name="connsiteY0" fmla="*/ 0 h 18626"/>
                  <a:gd name="connsiteX1" fmla="*/ 61336 w 56444"/>
                  <a:gd name="connsiteY1" fmla="*/ 0 h 18626"/>
                  <a:gd name="connsiteX2" fmla="*/ 61336 w 56444"/>
                  <a:gd name="connsiteY2" fmla="*/ 24308 h 18626"/>
                  <a:gd name="connsiteX3" fmla="*/ 0 w 56444"/>
                  <a:gd name="connsiteY3" fmla="*/ 24308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1862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24308"/>
                    </a:lnTo>
                    <a:lnTo>
                      <a:pt x="0" y="24308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12" name="Vrije vorm 196">
                <a:extLst>
                  <a:ext uri="{FF2B5EF4-FFF2-40B4-BE49-F238E27FC236}">
                    <a16:creationId xmlns="" xmlns:a16="http://schemas.microsoft.com/office/drawing/2014/main" id="{76F7E935-A96B-49F4-ACD2-E1E7C8E6D6BA}"/>
                  </a:ext>
                </a:extLst>
              </p:cNvPr>
              <p:cNvSpPr/>
              <p:nvPr/>
            </p:nvSpPr>
            <p:spPr>
              <a:xfrm>
                <a:off x="4445000" y="3374331"/>
                <a:ext cx="56444" cy="102447"/>
              </a:xfrm>
              <a:custGeom>
                <a:avLst/>
                <a:gdLst>
                  <a:gd name="connsiteX0" fmla="*/ 0 w 56444"/>
                  <a:gd name="connsiteY0" fmla="*/ 0 h 102446"/>
                  <a:gd name="connsiteX1" fmla="*/ 61336 w 56444"/>
                  <a:gd name="connsiteY1" fmla="*/ 0 h 102446"/>
                  <a:gd name="connsiteX2" fmla="*/ 61336 w 56444"/>
                  <a:gd name="connsiteY2" fmla="*/ 109339 h 102446"/>
                  <a:gd name="connsiteX3" fmla="*/ 0 w 56444"/>
                  <a:gd name="connsiteY3" fmla="*/ 109339 h 10244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10244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109339"/>
                    </a:lnTo>
                    <a:lnTo>
                      <a:pt x="0" y="109339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13" name="Vrije vorm 197">
                <a:extLst>
                  <a:ext uri="{FF2B5EF4-FFF2-40B4-BE49-F238E27FC236}">
                    <a16:creationId xmlns="" xmlns:a16="http://schemas.microsoft.com/office/drawing/2014/main" id="{CDA097EA-C0FD-45D7-BD6C-7A92B75CF9A3}"/>
                  </a:ext>
                </a:extLst>
              </p:cNvPr>
              <p:cNvSpPr/>
              <p:nvPr/>
            </p:nvSpPr>
            <p:spPr>
              <a:xfrm>
                <a:off x="4445000" y="3313608"/>
                <a:ext cx="56444" cy="46567"/>
              </a:xfrm>
              <a:custGeom>
                <a:avLst/>
                <a:gdLst>
                  <a:gd name="connsiteX0" fmla="*/ 0 w 56444"/>
                  <a:gd name="connsiteY0" fmla="*/ 0 h 46566"/>
                  <a:gd name="connsiteX1" fmla="*/ 61336 w 56444"/>
                  <a:gd name="connsiteY1" fmla="*/ 0 h 46566"/>
                  <a:gd name="connsiteX2" fmla="*/ 61336 w 56444"/>
                  <a:gd name="connsiteY2" fmla="*/ 48616 h 46566"/>
                  <a:gd name="connsiteX3" fmla="*/ 0 w 56444"/>
                  <a:gd name="connsiteY3" fmla="*/ 48616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46566">
                    <a:moveTo>
                      <a:pt x="0" y="0"/>
                    </a:moveTo>
                    <a:lnTo>
                      <a:pt x="61336" y="0"/>
                    </a:lnTo>
                    <a:lnTo>
                      <a:pt x="61336" y="48616"/>
                    </a:lnTo>
                    <a:lnTo>
                      <a:pt x="0" y="4861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14" name="Vrije vorm 198">
                <a:extLst>
                  <a:ext uri="{FF2B5EF4-FFF2-40B4-BE49-F238E27FC236}">
                    <a16:creationId xmlns="" xmlns:a16="http://schemas.microsoft.com/office/drawing/2014/main" id="{FBAC0BDA-FF4F-4A09-9DA7-8E9FD11F7683}"/>
                  </a:ext>
                </a:extLst>
              </p:cNvPr>
              <p:cNvSpPr/>
              <p:nvPr/>
            </p:nvSpPr>
            <p:spPr>
              <a:xfrm>
                <a:off x="4518660" y="3532285"/>
                <a:ext cx="65852" cy="27940"/>
              </a:xfrm>
              <a:custGeom>
                <a:avLst/>
                <a:gdLst>
                  <a:gd name="connsiteX0" fmla="*/ 0 w 65851"/>
                  <a:gd name="connsiteY0" fmla="*/ 0 h 27940"/>
                  <a:gd name="connsiteX1" fmla="*/ 73660 w 65851"/>
                  <a:gd name="connsiteY1" fmla="*/ 0 h 27940"/>
                  <a:gd name="connsiteX2" fmla="*/ 73660 w 65851"/>
                  <a:gd name="connsiteY2" fmla="*/ 36415 h 27940"/>
                  <a:gd name="connsiteX3" fmla="*/ 0 w 65851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27940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15" name="Vrije vorm 199">
                <a:extLst>
                  <a:ext uri="{FF2B5EF4-FFF2-40B4-BE49-F238E27FC236}">
                    <a16:creationId xmlns="" xmlns:a16="http://schemas.microsoft.com/office/drawing/2014/main" id="{679C3EE2-E818-4F49-A95F-2F4B43691A62}"/>
                  </a:ext>
                </a:extLst>
              </p:cNvPr>
              <p:cNvSpPr/>
              <p:nvPr/>
            </p:nvSpPr>
            <p:spPr>
              <a:xfrm>
                <a:off x="4518661" y="3483667"/>
                <a:ext cx="65852" cy="27940"/>
              </a:xfrm>
              <a:custGeom>
                <a:avLst/>
                <a:gdLst>
                  <a:gd name="connsiteX0" fmla="*/ 0 w 65851"/>
                  <a:gd name="connsiteY0" fmla="*/ 0 h 27940"/>
                  <a:gd name="connsiteX1" fmla="*/ 73660 w 65851"/>
                  <a:gd name="connsiteY1" fmla="*/ 0 h 27940"/>
                  <a:gd name="connsiteX2" fmla="*/ 73660 w 65851"/>
                  <a:gd name="connsiteY2" fmla="*/ 36415 h 27940"/>
                  <a:gd name="connsiteX3" fmla="*/ 0 w 65851"/>
                  <a:gd name="connsiteY3" fmla="*/ 36415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27940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36415"/>
                    </a:lnTo>
                    <a:lnTo>
                      <a:pt x="0" y="3641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16" name="Vrije vorm 200">
                <a:extLst>
                  <a:ext uri="{FF2B5EF4-FFF2-40B4-BE49-F238E27FC236}">
                    <a16:creationId xmlns="" xmlns:a16="http://schemas.microsoft.com/office/drawing/2014/main" id="{60C43374-DB78-41A7-A5C4-3BF446DB42AA}"/>
                  </a:ext>
                </a:extLst>
              </p:cNvPr>
              <p:cNvSpPr/>
              <p:nvPr/>
            </p:nvSpPr>
            <p:spPr>
              <a:xfrm>
                <a:off x="4518660" y="3350023"/>
                <a:ext cx="65852" cy="121073"/>
              </a:xfrm>
              <a:custGeom>
                <a:avLst/>
                <a:gdLst>
                  <a:gd name="connsiteX0" fmla="*/ 0 w 65851"/>
                  <a:gd name="connsiteY0" fmla="*/ 0 h 121073"/>
                  <a:gd name="connsiteX1" fmla="*/ 73660 w 65851"/>
                  <a:gd name="connsiteY1" fmla="*/ 0 h 121073"/>
                  <a:gd name="connsiteX2" fmla="*/ 73660 w 65851"/>
                  <a:gd name="connsiteY2" fmla="*/ 121446 h 121073"/>
                  <a:gd name="connsiteX3" fmla="*/ 0 w 65851"/>
                  <a:gd name="connsiteY3" fmla="*/ 121446 h 1210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121072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121446"/>
                    </a:lnTo>
                    <a:lnTo>
                      <a:pt x="0" y="12144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17" name="Vrije vorm 201">
                <a:extLst>
                  <a:ext uri="{FF2B5EF4-FFF2-40B4-BE49-F238E27FC236}">
                    <a16:creationId xmlns="" xmlns:a16="http://schemas.microsoft.com/office/drawing/2014/main" id="{433CAEDA-06E9-4556-A523-FC0E8761385A}"/>
                  </a:ext>
                </a:extLst>
              </p:cNvPr>
              <p:cNvSpPr/>
              <p:nvPr/>
            </p:nvSpPr>
            <p:spPr>
              <a:xfrm>
                <a:off x="4518660" y="3289300"/>
                <a:ext cx="65852" cy="46567"/>
              </a:xfrm>
              <a:custGeom>
                <a:avLst/>
                <a:gdLst>
                  <a:gd name="connsiteX0" fmla="*/ 0 w 65851"/>
                  <a:gd name="connsiteY0" fmla="*/ 0 h 46566"/>
                  <a:gd name="connsiteX1" fmla="*/ 73660 w 65851"/>
                  <a:gd name="connsiteY1" fmla="*/ 0 h 46566"/>
                  <a:gd name="connsiteX2" fmla="*/ 73660 w 65851"/>
                  <a:gd name="connsiteY2" fmla="*/ 48616 h 46566"/>
                  <a:gd name="connsiteX3" fmla="*/ 0 w 65851"/>
                  <a:gd name="connsiteY3" fmla="*/ 48616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46566">
                    <a:moveTo>
                      <a:pt x="0" y="0"/>
                    </a:moveTo>
                    <a:lnTo>
                      <a:pt x="73660" y="0"/>
                    </a:lnTo>
                    <a:lnTo>
                      <a:pt x="73660" y="48616"/>
                    </a:lnTo>
                    <a:lnTo>
                      <a:pt x="0" y="4861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18" name="Vrije vorm 202">
                <a:extLst>
                  <a:ext uri="{FF2B5EF4-FFF2-40B4-BE49-F238E27FC236}">
                    <a16:creationId xmlns="" xmlns:a16="http://schemas.microsoft.com/office/drawing/2014/main" id="{78455240-E1BF-4116-9287-6DD48E908E1C}"/>
                  </a:ext>
                </a:extLst>
              </p:cNvPr>
              <p:cNvSpPr/>
              <p:nvPr/>
            </p:nvSpPr>
            <p:spPr>
              <a:xfrm>
                <a:off x="4612423" y="3299078"/>
                <a:ext cx="56444" cy="46567"/>
              </a:xfrm>
              <a:custGeom>
                <a:avLst/>
                <a:gdLst>
                  <a:gd name="connsiteX0" fmla="*/ 0 w 56444"/>
                  <a:gd name="connsiteY0" fmla="*/ 5187 h 46566"/>
                  <a:gd name="connsiteX1" fmla="*/ 61112 w 56444"/>
                  <a:gd name="connsiteY1" fmla="*/ 0 h 46566"/>
                  <a:gd name="connsiteX2" fmla="*/ 65307 w 56444"/>
                  <a:gd name="connsiteY2" fmla="*/ 48438 h 46566"/>
                  <a:gd name="connsiteX3" fmla="*/ 4195 w 56444"/>
                  <a:gd name="connsiteY3" fmla="*/ 53625 h 465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46566">
                    <a:moveTo>
                      <a:pt x="0" y="5187"/>
                    </a:moveTo>
                    <a:lnTo>
                      <a:pt x="61112" y="0"/>
                    </a:lnTo>
                    <a:lnTo>
                      <a:pt x="65307" y="48438"/>
                    </a:lnTo>
                    <a:lnTo>
                      <a:pt x="4195" y="53625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19" name="Vrije vorm 203">
                <a:extLst>
                  <a:ext uri="{FF2B5EF4-FFF2-40B4-BE49-F238E27FC236}">
                    <a16:creationId xmlns="" xmlns:a16="http://schemas.microsoft.com/office/drawing/2014/main" id="{72D67CCC-26D8-43F6-B5D4-1BA954DE7984}"/>
                  </a:ext>
                </a:extLst>
              </p:cNvPr>
              <p:cNvSpPr/>
              <p:nvPr/>
            </p:nvSpPr>
            <p:spPr>
              <a:xfrm>
                <a:off x="4617779" y="3359513"/>
                <a:ext cx="65852" cy="111760"/>
              </a:xfrm>
              <a:custGeom>
                <a:avLst/>
                <a:gdLst>
                  <a:gd name="connsiteX0" fmla="*/ 0 w 65851"/>
                  <a:gd name="connsiteY0" fmla="*/ 5176 h 111760"/>
                  <a:gd name="connsiteX1" fmla="*/ 61113 w 65851"/>
                  <a:gd name="connsiteY1" fmla="*/ 0 h 111760"/>
                  <a:gd name="connsiteX2" fmla="*/ 70528 w 65851"/>
                  <a:gd name="connsiteY2" fmla="*/ 108941 h 111760"/>
                  <a:gd name="connsiteX3" fmla="*/ 9414 w 65851"/>
                  <a:gd name="connsiteY3" fmla="*/ 114117 h 1117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5851" h="111760">
                    <a:moveTo>
                      <a:pt x="0" y="5176"/>
                    </a:moveTo>
                    <a:lnTo>
                      <a:pt x="61113" y="0"/>
                    </a:lnTo>
                    <a:lnTo>
                      <a:pt x="70528" y="108941"/>
                    </a:lnTo>
                    <a:lnTo>
                      <a:pt x="9414" y="114117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0" name="Vrije vorm 204">
                <a:extLst>
                  <a:ext uri="{FF2B5EF4-FFF2-40B4-BE49-F238E27FC236}">
                    <a16:creationId xmlns="" xmlns:a16="http://schemas.microsoft.com/office/drawing/2014/main" id="{6ECD779C-037D-47C4-B451-8CEA05357107}"/>
                  </a:ext>
                </a:extLst>
              </p:cNvPr>
              <p:cNvSpPr/>
              <p:nvPr/>
            </p:nvSpPr>
            <p:spPr>
              <a:xfrm>
                <a:off x="4628219" y="3480553"/>
                <a:ext cx="56444" cy="27940"/>
              </a:xfrm>
              <a:custGeom>
                <a:avLst/>
                <a:gdLst>
                  <a:gd name="connsiteX0" fmla="*/ 0 w 56444"/>
                  <a:gd name="connsiteY0" fmla="*/ 5187 h 27940"/>
                  <a:gd name="connsiteX1" fmla="*/ 61112 w 56444"/>
                  <a:gd name="connsiteY1" fmla="*/ 0 h 27940"/>
                  <a:gd name="connsiteX2" fmla="*/ 63209 w 56444"/>
                  <a:gd name="connsiteY2" fmla="*/ 24219 h 27940"/>
                  <a:gd name="connsiteX3" fmla="*/ 2097 w 56444"/>
                  <a:gd name="connsiteY3" fmla="*/ 29406 h 279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27940">
                    <a:moveTo>
                      <a:pt x="0" y="5187"/>
                    </a:moveTo>
                    <a:lnTo>
                      <a:pt x="61112" y="0"/>
                    </a:lnTo>
                    <a:lnTo>
                      <a:pt x="63209" y="24219"/>
                    </a:lnTo>
                    <a:lnTo>
                      <a:pt x="2097" y="29406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1" name="Vrije vorm 205">
                <a:extLst>
                  <a:ext uri="{FF2B5EF4-FFF2-40B4-BE49-F238E27FC236}">
                    <a16:creationId xmlns="" xmlns:a16="http://schemas.microsoft.com/office/drawing/2014/main" id="{78773C93-E587-4A70-AEDB-16BE1602BAF8}"/>
                  </a:ext>
                </a:extLst>
              </p:cNvPr>
              <p:cNvSpPr/>
              <p:nvPr/>
            </p:nvSpPr>
            <p:spPr>
              <a:xfrm>
                <a:off x="4633091" y="3516609"/>
                <a:ext cx="56444" cy="37253"/>
              </a:xfrm>
              <a:custGeom>
                <a:avLst/>
                <a:gdLst>
                  <a:gd name="connsiteX0" fmla="*/ 0 w 56444"/>
                  <a:gd name="connsiteY0" fmla="*/ 5465 h 37253"/>
                  <a:gd name="connsiteX1" fmla="*/ 61336 w 56444"/>
                  <a:gd name="connsiteY1" fmla="*/ 0 h 37253"/>
                  <a:gd name="connsiteX2" fmla="*/ 64647 w 56444"/>
                  <a:gd name="connsiteY2" fmla="*/ 36415 h 37253"/>
                  <a:gd name="connsiteX3" fmla="*/ 3310 w 56444"/>
                  <a:gd name="connsiteY3" fmla="*/ 41880 h 3725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444" h="37253">
                    <a:moveTo>
                      <a:pt x="0" y="5465"/>
                    </a:moveTo>
                    <a:lnTo>
                      <a:pt x="61336" y="0"/>
                    </a:lnTo>
                    <a:lnTo>
                      <a:pt x="64647" y="36415"/>
                    </a:lnTo>
                    <a:lnTo>
                      <a:pt x="3310" y="41880"/>
                    </a:lnTo>
                    <a:close/>
                  </a:path>
                </a:pathLst>
              </a:custGeom>
              <a:grpFill/>
              <a:ln w="9172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209" name="Tekstvak 193">
              <a:extLst>
                <a:ext uri="{FF2B5EF4-FFF2-40B4-BE49-F238E27FC236}">
                  <a16:creationId xmlns="" xmlns:a16="http://schemas.microsoft.com/office/drawing/2014/main" id="{A3552664-C8B2-484B-86D7-BE8731F121A7}"/>
                </a:ext>
              </a:extLst>
            </p:cNvPr>
            <p:cNvSpPr txBox="1"/>
            <p:nvPr/>
          </p:nvSpPr>
          <p:spPr>
            <a:xfrm>
              <a:off x="999010" y="6384662"/>
              <a:ext cx="803851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Список литературы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222" name="Groep 178">
            <a:extLst>
              <a:ext uri="{FF2B5EF4-FFF2-40B4-BE49-F238E27FC236}">
                <a16:creationId xmlns="" xmlns:a16="http://schemas.microsoft.com/office/drawing/2014/main" id="{26B74819-8B42-4A0A-A68F-4B30D61A3B7B}"/>
              </a:ext>
            </a:extLst>
          </p:cNvPr>
          <p:cNvGrpSpPr/>
          <p:nvPr userDrawn="1"/>
        </p:nvGrpSpPr>
        <p:grpSpPr>
          <a:xfrm>
            <a:off x="4792110" y="6455151"/>
            <a:ext cx="1299431" cy="205629"/>
            <a:chOff x="1983484" y="6455150"/>
            <a:chExt cx="974573" cy="205629"/>
          </a:xfrm>
        </p:grpSpPr>
        <p:sp>
          <p:nvSpPr>
            <p:cNvPr id="223" name="Graphic 27">
              <a:extLst>
                <a:ext uri="{FF2B5EF4-FFF2-40B4-BE49-F238E27FC236}">
                  <a16:creationId xmlns="" xmlns:a16="http://schemas.microsoft.com/office/drawing/2014/main" id="{F8437079-2256-47A1-A0F0-D11B9B23F224}"/>
                </a:ext>
              </a:extLst>
            </p:cNvPr>
            <p:cNvSpPr/>
            <p:nvPr/>
          </p:nvSpPr>
          <p:spPr>
            <a:xfrm>
              <a:off x="1983484" y="6455150"/>
              <a:ext cx="205629" cy="205629"/>
            </a:xfrm>
            <a:custGeom>
              <a:avLst/>
              <a:gdLst>
                <a:gd name="connsiteX0" fmla="*/ 140538 w 279400"/>
                <a:gd name="connsiteY0" fmla="*/ 109245 h 279400"/>
                <a:gd name="connsiteX1" fmla="*/ 194276 w 279400"/>
                <a:gd name="connsiteY1" fmla="*/ 0 h 279400"/>
                <a:gd name="connsiteX2" fmla="*/ 235255 w 279400"/>
                <a:gd name="connsiteY2" fmla="*/ 22445 h 279400"/>
                <a:gd name="connsiteX3" fmla="*/ 164567 w 279400"/>
                <a:gd name="connsiteY3" fmla="*/ 124426 h 279400"/>
                <a:gd name="connsiteX4" fmla="*/ 279400 w 279400"/>
                <a:gd name="connsiteY4" fmla="*/ 114833 h 279400"/>
                <a:gd name="connsiteX5" fmla="*/ 279400 w 279400"/>
                <a:gd name="connsiteY5" fmla="*/ 161400 h 279400"/>
                <a:gd name="connsiteX6" fmla="*/ 165405 w 279400"/>
                <a:gd name="connsiteY6" fmla="*/ 152552 h 279400"/>
                <a:gd name="connsiteX7" fmla="*/ 234417 w 279400"/>
                <a:gd name="connsiteY7" fmla="*/ 256117 h 279400"/>
                <a:gd name="connsiteX8" fmla="*/ 192693 w 279400"/>
                <a:gd name="connsiteY8" fmla="*/ 277817 h 279400"/>
                <a:gd name="connsiteX9" fmla="*/ 140538 w 279400"/>
                <a:gd name="connsiteY9" fmla="*/ 166988 h 279400"/>
                <a:gd name="connsiteX10" fmla="*/ 85869 w 279400"/>
                <a:gd name="connsiteY10" fmla="*/ 279400 h 279400"/>
                <a:gd name="connsiteX11" fmla="*/ 45728 w 279400"/>
                <a:gd name="connsiteY11" fmla="*/ 256117 h 279400"/>
                <a:gd name="connsiteX12" fmla="*/ 115578 w 279400"/>
                <a:gd name="connsiteY12" fmla="*/ 153391 h 279400"/>
                <a:gd name="connsiteX13" fmla="*/ 0 w 279400"/>
                <a:gd name="connsiteY13" fmla="*/ 161400 h 279400"/>
                <a:gd name="connsiteX14" fmla="*/ 0 w 279400"/>
                <a:gd name="connsiteY14" fmla="*/ 114833 h 279400"/>
                <a:gd name="connsiteX15" fmla="*/ 116417 w 279400"/>
                <a:gd name="connsiteY15" fmla="*/ 124426 h 279400"/>
                <a:gd name="connsiteX16" fmla="*/ 43400 w 279400"/>
                <a:gd name="connsiteY16" fmla="*/ 23283 h 279400"/>
                <a:gd name="connsiteX17" fmla="*/ 85869 w 279400"/>
                <a:gd name="connsiteY17" fmla="*/ 0 h 279400"/>
                <a:gd name="connsiteX18" fmla="*/ 140538 w 279400"/>
                <a:gd name="connsiteY18" fmla="*/ 109245 h 279400"/>
                <a:gd name="connsiteX19" fmla="*/ 140538 w 279400"/>
                <a:gd name="connsiteY19" fmla="*/ 109245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79400" h="279400">
                  <a:moveTo>
                    <a:pt x="140538" y="109245"/>
                  </a:moveTo>
                  <a:lnTo>
                    <a:pt x="194276" y="0"/>
                  </a:lnTo>
                  <a:lnTo>
                    <a:pt x="235255" y="22445"/>
                  </a:lnTo>
                  <a:lnTo>
                    <a:pt x="164567" y="124426"/>
                  </a:lnTo>
                  <a:lnTo>
                    <a:pt x="279400" y="114833"/>
                  </a:lnTo>
                  <a:lnTo>
                    <a:pt x="279400" y="161400"/>
                  </a:lnTo>
                  <a:lnTo>
                    <a:pt x="165405" y="152552"/>
                  </a:lnTo>
                  <a:lnTo>
                    <a:pt x="234417" y="256117"/>
                  </a:lnTo>
                  <a:lnTo>
                    <a:pt x="192693" y="277817"/>
                  </a:lnTo>
                  <a:lnTo>
                    <a:pt x="140538" y="166988"/>
                  </a:lnTo>
                  <a:lnTo>
                    <a:pt x="85869" y="279400"/>
                  </a:lnTo>
                  <a:lnTo>
                    <a:pt x="45728" y="256117"/>
                  </a:lnTo>
                  <a:lnTo>
                    <a:pt x="115578" y="153391"/>
                  </a:lnTo>
                  <a:lnTo>
                    <a:pt x="0" y="161400"/>
                  </a:lnTo>
                  <a:lnTo>
                    <a:pt x="0" y="114833"/>
                  </a:lnTo>
                  <a:lnTo>
                    <a:pt x="116417" y="124426"/>
                  </a:lnTo>
                  <a:lnTo>
                    <a:pt x="43400" y="23283"/>
                  </a:lnTo>
                  <a:lnTo>
                    <a:pt x="85869" y="0"/>
                  </a:lnTo>
                  <a:lnTo>
                    <a:pt x="140538" y="109245"/>
                  </a:lnTo>
                  <a:lnTo>
                    <a:pt x="140538" y="109245"/>
                  </a:lnTo>
                  <a:close/>
                </a:path>
              </a:pathLst>
            </a:custGeom>
            <a:solidFill>
              <a:schemeClr val="tx1"/>
            </a:solidFill>
            <a:ln w="920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24" name="Tekstvak 191">
              <a:extLst>
                <a:ext uri="{FF2B5EF4-FFF2-40B4-BE49-F238E27FC236}">
                  <a16:creationId xmlns="" xmlns:a16="http://schemas.microsoft.com/office/drawing/2014/main" id="{C08C0C95-F2A1-4D2E-AB36-413FA38A432C}"/>
                </a:ext>
              </a:extLst>
            </p:cNvPr>
            <p:cNvSpPr txBox="1"/>
            <p:nvPr/>
          </p:nvSpPr>
          <p:spPr>
            <a:xfrm>
              <a:off x="2280564" y="6292003"/>
              <a:ext cx="678170" cy="526306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Подстрочные примечания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grpSp>
        <p:nvGrpSpPr>
          <p:cNvPr id="225" name="Groep 180">
            <a:extLst>
              <a:ext uri="{FF2B5EF4-FFF2-40B4-BE49-F238E27FC236}">
                <a16:creationId xmlns="" xmlns:a16="http://schemas.microsoft.com/office/drawing/2014/main" id="{41AEE3D1-30FD-487B-B30F-22108484690B}"/>
              </a:ext>
            </a:extLst>
          </p:cNvPr>
          <p:cNvGrpSpPr/>
          <p:nvPr userDrawn="1"/>
        </p:nvGrpSpPr>
        <p:grpSpPr>
          <a:xfrm>
            <a:off x="9028069" y="6452492"/>
            <a:ext cx="1781955" cy="205629"/>
            <a:chOff x="4572000" y="6452491"/>
            <a:chExt cx="1336466" cy="205629"/>
          </a:xfrm>
        </p:grpSpPr>
        <p:grpSp>
          <p:nvGrpSpPr>
            <p:cNvPr id="226" name="Graphic 16">
              <a:extLst>
                <a:ext uri="{FF2B5EF4-FFF2-40B4-BE49-F238E27FC236}">
                  <a16:creationId xmlns="" xmlns:a16="http://schemas.microsoft.com/office/drawing/2014/main" id="{B9F4133B-3DBC-4BB3-A127-0F0FB1B30D45}"/>
                </a:ext>
              </a:extLst>
            </p:cNvPr>
            <p:cNvGrpSpPr/>
            <p:nvPr userDrawn="1"/>
          </p:nvGrpSpPr>
          <p:grpSpPr>
            <a:xfrm>
              <a:off x="4572000" y="6452491"/>
              <a:ext cx="413013" cy="205629"/>
              <a:chOff x="4292488" y="3289296"/>
              <a:chExt cx="561184" cy="279400"/>
            </a:xfrm>
            <a:solidFill>
              <a:schemeClr val="tx1"/>
            </a:solidFill>
          </p:grpSpPr>
          <p:sp>
            <p:nvSpPr>
              <p:cNvPr id="228" name="Vrije vorm 183">
                <a:extLst>
                  <a:ext uri="{FF2B5EF4-FFF2-40B4-BE49-F238E27FC236}">
                    <a16:creationId xmlns="" xmlns:a16="http://schemas.microsoft.com/office/drawing/2014/main" id="{2F32FF4C-6A1D-49D0-A9E2-FD28ECD707EA}"/>
                  </a:ext>
                </a:extLst>
              </p:cNvPr>
              <p:cNvSpPr/>
              <p:nvPr userDrawn="1"/>
            </p:nvSpPr>
            <p:spPr>
              <a:xfrm>
                <a:off x="4378789" y="3496331"/>
                <a:ext cx="85241" cy="18627"/>
              </a:xfrm>
              <a:custGeom>
                <a:avLst/>
                <a:gdLst>
                  <a:gd name="connsiteX0" fmla="*/ 91490 w 85240"/>
                  <a:gd name="connsiteY0" fmla="*/ 9318 h 18626"/>
                  <a:gd name="connsiteX1" fmla="*/ 84580 w 85240"/>
                  <a:gd name="connsiteY1" fmla="*/ 92 h 18626"/>
                  <a:gd name="connsiteX2" fmla="*/ 83061 w 85240"/>
                  <a:gd name="connsiteY2" fmla="*/ 5 h 18626"/>
                  <a:gd name="connsiteX3" fmla="*/ 8523 w 85240"/>
                  <a:gd name="connsiteY3" fmla="*/ 5 h 18626"/>
                  <a:gd name="connsiteX4" fmla="*/ 5 w 85240"/>
                  <a:gd name="connsiteY4" fmla="*/ 7825 h 18626"/>
                  <a:gd name="connsiteX5" fmla="*/ 93 w 85240"/>
                  <a:gd name="connsiteY5" fmla="*/ 9318 h 18626"/>
                  <a:gd name="connsiteX6" fmla="*/ 4261 w 85240"/>
                  <a:gd name="connsiteY6" fmla="*/ 15651 h 18626"/>
                  <a:gd name="connsiteX7" fmla="*/ 15247 w 85240"/>
                  <a:gd name="connsiteY7" fmla="*/ 23009 h 18626"/>
                  <a:gd name="connsiteX8" fmla="*/ 35421 w 85240"/>
                  <a:gd name="connsiteY8" fmla="*/ 24965 h 18626"/>
                  <a:gd name="connsiteX9" fmla="*/ 78515 w 85240"/>
                  <a:gd name="connsiteY9" fmla="*/ 24965 h 18626"/>
                  <a:gd name="connsiteX10" fmla="*/ 90448 w 85240"/>
                  <a:gd name="connsiteY10" fmla="*/ 15651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85240" h="18626">
                    <a:moveTo>
                      <a:pt x="91490" y="9318"/>
                    </a:moveTo>
                    <a:cubicBezTo>
                      <a:pt x="92173" y="4894"/>
                      <a:pt x="89079" y="763"/>
                      <a:pt x="84580" y="92"/>
                    </a:cubicBezTo>
                    <a:cubicBezTo>
                      <a:pt x="84077" y="17"/>
                      <a:pt x="83569" y="-12"/>
                      <a:pt x="83061" y="5"/>
                    </a:cubicBezTo>
                    <a:lnTo>
                      <a:pt x="8523" y="5"/>
                    </a:lnTo>
                    <a:cubicBezTo>
                      <a:pt x="3974" y="-149"/>
                      <a:pt x="161" y="3352"/>
                      <a:pt x="5" y="7825"/>
                    </a:cubicBezTo>
                    <a:cubicBezTo>
                      <a:pt x="-13" y="8324"/>
                      <a:pt x="17" y="8824"/>
                      <a:pt x="93" y="9318"/>
                    </a:cubicBezTo>
                    <a:cubicBezTo>
                      <a:pt x="1029" y="11687"/>
                      <a:pt x="2447" y="13842"/>
                      <a:pt x="4261" y="15651"/>
                    </a:cubicBezTo>
                    <a:cubicBezTo>
                      <a:pt x="7003" y="19223"/>
                      <a:pt x="10863" y="21808"/>
                      <a:pt x="15247" y="23009"/>
                    </a:cubicBezTo>
                    <a:cubicBezTo>
                      <a:pt x="21904" y="24217"/>
                      <a:pt x="28652" y="24872"/>
                      <a:pt x="35421" y="24965"/>
                    </a:cubicBezTo>
                    <a:lnTo>
                      <a:pt x="78515" y="24965"/>
                    </a:lnTo>
                    <a:cubicBezTo>
                      <a:pt x="84179" y="24877"/>
                      <a:pt x="89076" y="21056"/>
                      <a:pt x="90448" y="15651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29" name="Vrije vorm 184">
                <a:extLst>
                  <a:ext uri="{FF2B5EF4-FFF2-40B4-BE49-F238E27FC236}">
                    <a16:creationId xmlns="" xmlns:a16="http://schemas.microsoft.com/office/drawing/2014/main" id="{239AE3F2-5A66-4D3C-9C2D-5ED591EF7857}"/>
                  </a:ext>
                </a:extLst>
              </p:cNvPr>
              <p:cNvSpPr/>
              <p:nvPr userDrawn="1"/>
            </p:nvSpPr>
            <p:spPr>
              <a:xfrm>
                <a:off x="4321394" y="3394350"/>
                <a:ext cx="142068" cy="18627"/>
              </a:xfrm>
              <a:custGeom>
                <a:avLst/>
                <a:gdLst>
                  <a:gd name="connsiteX0" fmla="*/ 148886 w 142067"/>
                  <a:gd name="connsiteY0" fmla="*/ 9318 h 18626"/>
                  <a:gd name="connsiteX1" fmla="*/ 141975 w 142067"/>
                  <a:gd name="connsiteY1" fmla="*/ 92 h 18626"/>
                  <a:gd name="connsiteX2" fmla="*/ 140456 w 142067"/>
                  <a:gd name="connsiteY2" fmla="*/ 5 h 18626"/>
                  <a:gd name="connsiteX3" fmla="*/ 8523 w 142067"/>
                  <a:gd name="connsiteY3" fmla="*/ 5 h 18626"/>
                  <a:gd name="connsiteX4" fmla="*/ 5 w 142067"/>
                  <a:gd name="connsiteY4" fmla="*/ 7825 h 18626"/>
                  <a:gd name="connsiteX5" fmla="*/ 93 w 142067"/>
                  <a:gd name="connsiteY5" fmla="*/ 9318 h 18626"/>
                  <a:gd name="connsiteX6" fmla="*/ 4261 w 142067"/>
                  <a:gd name="connsiteY6" fmla="*/ 15651 h 18626"/>
                  <a:gd name="connsiteX7" fmla="*/ 15247 w 142067"/>
                  <a:gd name="connsiteY7" fmla="*/ 23009 h 18626"/>
                  <a:gd name="connsiteX8" fmla="*/ 35326 w 142067"/>
                  <a:gd name="connsiteY8" fmla="*/ 25337 h 18626"/>
                  <a:gd name="connsiteX9" fmla="*/ 135910 w 142067"/>
                  <a:gd name="connsiteY9" fmla="*/ 25337 h 18626"/>
                  <a:gd name="connsiteX10" fmla="*/ 147844 w 142067"/>
                  <a:gd name="connsiteY10" fmla="*/ 15558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42067" h="18626">
                    <a:moveTo>
                      <a:pt x="148886" y="9318"/>
                    </a:moveTo>
                    <a:cubicBezTo>
                      <a:pt x="149568" y="4894"/>
                      <a:pt x="146474" y="763"/>
                      <a:pt x="141975" y="92"/>
                    </a:cubicBezTo>
                    <a:cubicBezTo>
                      <a:pt x="141473" y="17"/>
                      <a:pt x="140964" y="-12"/>
                      <a:pt x="140456" y="5"/>
                    </a:cubicBezTo>
                    <a:lnTo>
                      <a:pt x="8523" y="5"/>
                    </a:lnTo>
                    <a:cubicBezTo>
                      <a:pt x="3974" y="-149"/>
                      <a:pt x="161" y="3352"/>
                      <a:pt x="5" y="7825"/>
                    </a:cubicBezTo>
                    <a:cubicBezTo>
                      <a:pt x="-13" y="8324"/>
                      <a:pt x="17" y="8824"/>
                      <a:pt x="93" y="9318"/>
                    </a:cubicBezTo>
                    <a:cubicBezTo>
                      <a:pt x="1029" y="11687"/>
                      <a:pt x="2447" y="13842"/>
                      <a:pt x="4261" y="15651"/>
                    </a:cubicBezTo>
                    <a:cubicBezTo>
                      <a:pt x="7003" y="19223"/>
                      <a:pt x="10863" y="21808"/>
                      <a:pt x="15247" y="23009"/>
                    </a:cubicBezTo>
                    <a:cubicBezTo>
                      <a:pt x="21860" y="24347"/>
                      <a:pt x="28578" y="25126"/>
                      <a:pt x="35326" y="25337"/>
                    </a:cubicBezTo>
                    <a:lnTo>
                      <a:pt x="135910" y="25337"/>
                    </a:lnTo>
                    <a:cubicBezTo>
                      <a:pt x="141715" y="25198"/>
                      <a:pt x="146658" y="21147"/>
                      <a:pt x="147844" y="15558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30" name="Vrije vorm 185">
                <a:extLst>
                  <a:ext uri="{FF2B5EF4-FFF2-40B4-BE49-F238E27FC236}">
                    <a16:creationId xmlns="" xmlns:a16="http://schemas.microsoft.com/office/drawing/2014/main" id="{A5017C91-4CC9-474B-ADEA-3A7812AFA532}"/>
                  </a:ext>
                </a:extLst>
              </p:cNvPr>
              <p:cNvSpPr/>
              <p:nvPr userDrawn="1"/>
            </p:nvSpPr>
            <p:spPr>
              <a:xfrm>
                <a:off x="4350289" y="3444917"/>
                <a:ext cx="113654" cy="18627"/>
              </a:xfrm>
              <a:custGeom>
                <a:avLst/>
                <a:gdLst>
                  <a:gd name="connsiteX0" fmla="*/ 119991 w 113654"/>
                  <a:gd name="connsiteY0" fmla="*/ 9787 h 18626"/>
                  <a:gd name="connsiteX1" fmla="*/ 113644 w 113654"/>
                  <a:gd name="connsiteY1" fmla="*/ 177 h 18626"/>
                  <a:gd name="connsiteX2" fmla="*/ 111561 w 113654"/>
                  <a:gd name="connsiteY2" fmla="*/ 8 h 18626"/>
                  <a:gd name="connsiteX3" fmla="*/ 8609 w 113654"/>
                  <a:gd name="connsiteY3" fmla="*/ 8 h 18626"/>
                  <a:gd name="connsiteX4" fmla="*/ 8 w 113654"/>
                  <a:gd name="connsiteY4" fmla="*/ 7739 h 18626"/>
                  <a:gd name="connsiteX5" fmla="*/ 180 w 113654"/>
                  <a:gd name="connsiteY5" fmla="*/ 9787 h 18626"/>
                  <a:gd name="connsiteX6" fmla="*/ 4347 w 113654"/>
                  <a:gd name="connsiteY6" fmla="*/ 16120 h 18626"/>
                  <a:gd name="connsiteX7" fmla="*/ 15334 w 113654"/>
                  <a:gd name="connsiteY7" fmla="*/ 23478 h 18626"/>
                  <a:gd name="connsiteX8" fmla="*/ 35413 w 113654"/>
                  <a:gd name="connsiteY8" fmla="*/ 25434 h 18626"/>
                  <a:gd name="connsiteX9" fmla="*/ 107299 w 113654"/>
                  <a:gd name="connsiteY9" fmla="*/ 25434 h 18626"/>
                  <a:gd name="connsiteX10" fmla="*/ 119233 w 113654"/>
                  <a:gd name="connsiteY10" fmla="*/ 15655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13654" h="18626">
                    <a:moveTo>
                      <a:pt x="119991" y="9787"/>
                    </a:moveTo>
                    <a:cubicBezTo>
                      <a:pt x="120937" y="5410"/>
                      <a:pt x="118095" y="1108"/>
                      <a:pt x="113644" y="177"/>
                    </a:cubicBezTo>
                    <a:cubicBezTo>
                      <a:pt x="112960" y="34"/>
                      <a:pt x="112260" y="-23"/>
                      <a:pt x="111561" y="8"/>
                    </a:cubicBezTo>
                    <a:lnTo>
                      <a:pt x="8609" y="8"/>
                    </a:lnTo>
                    <a:cubicBezTo>
                      <a:pt x="4063" y="-192"/>
                      <a:pt x="212" y="3269"/>
                      <a:pt x="8" y="7739"/>
                    </a:cubicBezTo>
                    <a:cubicBezTo>
                      <a:pt x="-23" y="8426"/>
                      <a:pt x="35" y="9115"/>
                      <a:pt x="180" y="9787"/>
                    </a:cubicBezTo>
                    <a:cubicBezTo>
                      <a:pt x="1115" y="12156"/>
                      <a:pt x="2534" y="14311"/>
                      <a:pt x="4347" y="16120"/>
                    </a:cubicBezTo>
                    <a:cubicBezTo>
                      <a:pt x="7127" y="19652"/>
                      <a:pt x="10973" y="22228"/>
                      <a:pt x="15334" y="23478"/>
                    </a:cubicBezTo>
                    <a:cubicBezTo>
                      <a:pt x="21965" y="24641"/>
                      <a:pt x="28678" y="25295"/>
                      <a:pt x="35413" y="25434"/>
                    </a:cubicBezTo>
                    <a:lnTo>
                      <a:pt x="107299" y="25434"/>
                    </a:lnTo>
                    <a:cubicBezTo>
                      <a:pt x="113104" y="25295"/>
                      <a:pt x="118047" y="21244"/>
                      <a:pt x="119233" y="15655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31" name="Vrije vorm 186">
                <a:extLst>
                  <a:ext uri="{FF2B5EF4-FFF2-40B4-BE49-F238E27FC236}">
                    <a16:creationId xmlns="" xmlns:a16="http://schemas.microsoft.com/office/drawing/2014/main" id="{9E6B17AA-C772-494F-8160-3408474A7448}"/>
                  </a:ext>
                </a:extLst>
              </p:cNvPr>
              <p:cNvSpPr/>
              <p:nvPr userDrawn="1"/>
            </p:nvSpPr>
            <p:spPr>
              <a:xfrm>
                <a:off x="4292488" y="3343296"/>
                <a:ext cx="170481" cy="18627"/>
              </a:xfrm>
              <a:custGeom>
                <a:avLst/>
                <a:gdLst>
                  <a:gd name="connsiteX0" fmla="*/ 177792 w 170481"/>
                  <a:gd name="connsiteY0" fmla="*/ 9334 h 18626"/>
                  <a:gd name="connsiteX1" fmla="*/ 170881 w 170481"/>
                  <a:gd name="connsiteY1" fmla="*/ 108 h 18626"/>
                  <a:gd name="connsiteX2" fmla="*/ 169362 w 170481"/>
                  <a:gd name="connsiteY2" fmla="*/ 21 h 18626"/>
                  <a:gd name="connsiteX3" fmla="*/ 8731 w 170481"/>
                  <a:gd name="connsiteY3" fmla="*/ 21 h 18626"/>
                  <a:gd name="connsiteX4" fmla="*/ 21 w 170481"/>
                  <a:gd name="connsiteY4" fmla="*/ 7434 h 18626"/>
                  <a:gd name="connsiteX5" fmla="*/ 112 w 170481"/>
                  <a:gd name="connsiteY5" fmla="*/ 9334 h 18626"/>
                  <a:gd name="connsiteX6" fmla="*/ 4185 w 170481"/>
                  <a:gd name="connsiteY6" fmla="*/ 15667 h 18626"/>
                  <a:gd name="connsiteX7" fmla="*/ 15171 w 170481"/>
                  <a:gd name="connsiteY7" fmla="*/ 23025 h 18626"/>
                  <a:gd name="connsiteX8" fmla="*/ 35345 w 170481"/>
                  <a:gd name="connsiteY8" fmla="*/ 24981 h 18626"/>
                  <a:gd name="connsiteX9" fmla="*/ 164816 w 170481"/>
                  <a:gd name="connsiteY9" fmla="*/ 24981 h 18626"/>
                  <a:gd name="connsiteX10" fmla="*/ 176750 w 170481"/>
                  <a:gd name="connsiteY10" fmla="*/ 15667 h 1862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70481" h="18626">
                    <a:moveTo>
                      <a:pt x="177792" y="9334"/>
                    </a:moveTo>
                    <a:cubicBezTo>
                      <a:pt x="178474" y="4910"/>
                      <a:pt x="175380" y="779"/>
                      <a:pt x="170881" y="108"/>
                    </a:cubicBezTo>
                    <a:cubicBezTo>
                      <a:pt x="170379" y="33"/>
                      <a:pt x="169870" y="4"/>
                      <a:pt x="169362" y="21"/>
                    </a:cubicBezTo>
                    <a:lnTo>
                      <a:pt x="8731" y="21"/>
                    </a:lnTo>
                    <a:cubicBezTo>
                      <a:pt x="4244" y="-297"/>
                      <a:pt x="345" y="3022"/>
                      <a:pt x="21" y="7434"/>
                    </a:cubicBezTo>
                    <a:cubicBezTo>
                      <a:pt x="-25" y="8069"/>
                      <a:pt x="5" y="8707"/>
                      <a:pt x="112" y="9334"/>
                    </a:cubicBezTo>
                    <a:cubicBezTo>
                      <a:pt x="1019" y="11695"/>
                      <a:pt x="2405" y="13850"/>
                      <a:pt x="4185" y="15667"/>
                    </a:cubicBezTo>
                    <a:cubicBezTo>
                      <a:pt x="6946" y="19219"/>
                      <a:pt x="10799" y="21799"/>
                      <a:pt x="15171" y="23025"/>
                    </a:cubicBezTo>
                    <a:cubicBezTo>
                      <a:pt x="21828" y="24234"/>
                      <a:pt x="28576" y="24888"/>
                      <a:pt x="35345" y="24981"/>
                    </a:cubicBezTo>
                    <a:lnTo>
                      <a:pt x="164816" y="24981"/>
                    </a:lnTo>
                    <a:cubicBezTo>
                      <a:pt x="170480" y="24894"/>
                      <a:pt x="175377" y="21072"/>
                      <a:pt x="176750" y="15667"/>
                    </a:cubicBezTo>
                    <a:close/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  <p:sp>
            <p:nvSpPr>
              <p:cNvPr id="232" name="Vrije vorm 187">
                <a:extLst>
                  <a:ext uri="{FF2B5EF4-FFF2-40B4-BE49-F238E27FC236}">
                    <a16:creationId xmlns="" xmlns:a16="http://schemas.microsoft.com/office/drawing/2014/main" id="{3751F36C-3D29-41CC-9859-FEC3EB21C231}"/>
                  </a:ext>
                </a:extLst>
              </p:cNvPr>
              <p:cNvSpPr/>
              <p:nvPr userDrawn="1"/>
            </p:nvSpPr>
            <p:spPr>
              <a:xfrm>
                <a:off x="4503238" y="3289296"/>
                <a:ext cx="350434" cy="279400"/>
              </a:xfrm>
              <a:custGeom>
                <a:avLst/>
                <a:gdLst>
                  <a:gd name="connsiteX0" fmla="*/ 342006 w 350433"/>
                  <a:gd name="connsiteY0" fmla="*/ 9317 h 279400"/>
                  <a:gd name="connsiteX1" fmla="*/ 319748 w 350433"/>
                  <a:gd name="connsiteY1" fmla="*/ 4 h 279400"/>
                  <a:gd name="connsiteX2" fmla="*/ 31540 w 350433"/>
                  <a:gd name="connsiteY2" fmla="*/ 4 h 279400"/>
                  <a:gd name="connsiteX3" fmla="*/ 9472 w 350433"/>
                  <a:gd name="connsiteY3" fmla="*/ 9317 h 279400"/>
                  <a:gd name="connsiteX4" fmla="*/ 1 w 350433"/>
                  <a:gd name="connsiteY4" fmla="*/ 31762 h 279400"/>
                  <a:gd name="connsiteX5" fmla="*/ 1 w 350433"/>
                  <a:gd name="connsiteY5" fmla="*/ 247646 h 279400"/>
                  <a:gd name="connsiteX6" fmla="*/ 9472 w 350433"/>
                  <a:gd name="connsiteY6" fmla="*/ 270091 h 279400"/>
                  <a:gd name="connsiteX7" fmla="*/ 31540 w 350433"/>
                  <a:gd name="connsiteY7" fmla="*/ 279404 h 279400"/>
                  <a:gd name="connsiteX8" fmla="*/ 319748 w 350433"/>
                  <a:gd name="connsiteY8" fmla="*/ 279404 h 279400"/>
                  <a:gd name="connsiteX9" fmla="*/ 341911 w 350433"/>
                  <a:gd name="connsiteY9" fmla="*/ 270091 h 279400"/>
                  <a:gd name="connsiteX10" fmla="*/ 351382 w 350433"/>
                  <a:gd name="connsiteY10" fmla="*/ 247646 h 279400"/>
                  <a:gd name="connsiteX11" fmla="*/ 351382 w 350433"/>
                  <a:gd name="connsiteY11" fmla="*/ 31762 h 279400"/>
                  <a:gd name="connsiteX12" fmla="*/ 341911 w 350433"/>
                  <a:gd name="connsiteY12" fmla="*/ 9317 h 279400"/>
                  <a:gd name="connsiteX13" fmla="*/ 317002 w 350433"/>
                  <a:gd name="connsiteY13" fmla="*/ 65197 h 279400"/>
                  <a:gd name="connsiteX14" fmla="*/ 297302 w 350433"/>
                  <a:gd name="connsiteY14" fmla="*/ 88108 h 279400"/>
                  <a:gd name="connsiteX15" fmla="*/ 218785 w 350433"/>
                  <a:gd name="connsiteY15" fmla="*/ 150973 h 279400"/>
                  <a:gd name="connsiteX16" fmla="*/ 211966 w 350433"/>
                  <a:gd name="connsiteY16" fmla="*/ 156841 h 279400"/>
                  <a:gd name="connsiteX17" fmla="*/ 202969 w 350433"/>
                  <a:gd name="connsiteY17" fmla="*/ 164291 h 279400"/>
                  <a:gd name="connsiteX18" fmla="*/ 194255 w 350433"/>
                  <a:gd name="connsiteY18" fmla="*/ 170531 h 279400"/>
                  <a:gd name="connsiteX19" fmla="*/ 184784 w 350433"/>
                  <a:gd name="connsiteY19" fmla="*/ 176026 h 279400"/>
                  <a:gd name="connsiteX20" fmla="*/ 176355 w 350433"/>
                  <a:gd name="connsiteY20" fmla="*/ 177796 h 279400"/>
                  <a:gd name="connsiteX21" fmla="*/ 176355 w 350433"/>
                  <a:gd name="connsiteY21" fmla="*/ 177796 h 279400"/>
                  <a:gd name="connsiteX22" fmla="*/ 167925 w 350433"/>
                  <a:gd name="connsiteY22" fmla="*/ 176026 h 279400"/>
                  <a:gd name="connsiteX23" fmla="*/ 158454 w 350433"/>
                  <a:gd name="connsiteY23" fmla="*/ 170531 h 279400"/>
                  <a:gd name="connsiteX24" fmla="*/ 149740 w 350433"/>
                  <a:gd name="connsiteY24" fmla="*/ 164291 h 279400"/>
                  <a:gd name="connsiteX25" fmla="*/ 140269 w 350433"/>
                  <a:gd name="connsiteY25" fmla="*/ 156841 h 279400"/>
                  <a:gd name="connsiteX26" fmla="*/ 133355 w 350433"/>
                  <a:gd name="connsiteY26" fmla="*/ 150973 h 279400"/>
                  <a:gd name="connsiteX27" fmla="*/ 54555 w 350433"/>
                  <a:gd name="connsiteY27" fmla="*/ 88108 h 279400"/>
                  <a:gd name="connsiteX28" fmla="*/ 26141 w 350433"/>
                  <a:gd name="connsiteY28" fmla="*/ 31762 h 279400"/>
                  <a:gd name="connsiteX29" fmla="*/ 28036 w 350433"/>
                  <a:gd name="connsiteY29" fmla="*/ 27292 h 279400"/>
                  <a:gd name="connsiteX30" fmla="*/ 32392 w 350433"/>
                  <a:gd name="connsiteY30" fmla="*/ 25429 h 279400"/>
                  <a:gd name="connsiteX31" fmla="*/ 319748 w 350433"/>
                  <a:gd name="connsiteY31" fmla="*/ 25429 h 279400"/>
                  <a:gd name="connsiteX32" fmla="*/ 322495 w 350433"/>
                  <a:gd name="connsiteY32" fmla="*/ 25429 h 279400"/>
                  <a:gd name="connsiteX33" fmla="*/ 324294 w 350433"/>
                  <a:gd name="connsiteY33" fmla="*/ 26920 h 279400"/>
                  <a:gd name="connsiteX34" fmla="*/ 325336 w 350433"/>
                  <a:gd name="connsiteY34" fmla="*/ 28689 h 279400"/>
                  <a:gd name="connsiteX35" fmla="*/ 325905 w 350433"/>
                  <a:gd name="connsiteY35" fmla="*/ 31204 h 279400"/>
                  <a:gd name="connsiteX36" fmla="*/ 325905 w 350433"/>
                  <a:gd name="connsiteY36" fmla="*/ 33718 h 279400"/>
                  <a:gd name="connsiteX37" fmla="*/ 325905 w 350433"/>
                  <a:gd name="connsiteY37" fmla="*/ 39120 h 279400"/>
                  <a:gd name="connsiteX38" fmla="*/ 316433 w 350433"/>
                  <a:gd name="connsiteY38" fmla="*/ 65197 h 279400"/>
                  <a:gd name="connsiteX39" fmla="*/ 323726 w 350433"/>
                  <a:gd name="connsiteY39" fmla="*/ 252116 h 279400"/>
                  <a:gd name="connsiteX40" fmla="*/ 319275 w 350433"/>
                  <a:gd name="connsiteY40" fmla="*/ 253979 h 279400"/>
                  <a:gd name="connsiteX41" fmla="*/ 31540 w 350433"/>
                  <a:gd name="connsiteY41" fmla="*/ 253979 h 279400"/>
                  <a:gd name="connsiteX42" fmla="*/ 27183 w 350433"/>
                  <a:gd name="connsiteY42" fmla="*/ 252116 h 279400"/>
                  <a:gd name="connsiteX43" fmla="*/ 25289 w 350433"/>
                  <a:gd name="connsiteY43" fmla="*/ 247646 h 279400"/>
                  <a:gd name="connsiteX44" fmla="*/ 25289 w 350433"/>
                  <a:gd name="connsiteY44" fmla="*/ 95279 h 279400"/>
                  <a:gd name="connsiteX45" fmla="*/ 38833 w 350433"/>
                  <a:gd name="connsiteY45" fmla="*/ 108318 h 279400"/>
                  <a:gd name="connsiteX46" fmla="*/ 122274 w 350433"/>
                  <a:gd name="connsiteY46" fmla="*/ 175374 h 279400"/>
                  <a:gd name="connsiteX47" fmla="*/ 138470 w 350433"/>
                  <a:gd name="connsiteY47" fmla="*/ 188692 h 279400"/>
                  <a:gd name="connsiteX48" fmla="*/ 155423 w 350433"/>
                  <a:gd name="connsiteY48" fmla="*/ 198005 h 279400"/>
                  <a:gd name="connsiteX49" fmla="*/ 175502 w 350433"/>
                  <a:gd name="connsiteY49" fmla="*/ 202848 h 279400"/>
                  <a:gd name="connsiteX50" fmla="*/ 175502 w 350433"/>
                  <a:gd name="connsiteY50" fmla="*/ 202848 h 279400"/>
                  <a:gd name="connsiteX51" fmla="*/ 195581 w 350433"/>
                  <a:gd name="connsiteY51" fmla="*/ 198005 h 279400"/>
                  <a:gd name="connsiteX52" fmla="*/ 212534 w 350433"/>
                  <a:gd name="connsiteY52" fmla="*/ 188692 h 279400"/>
                  <a:gd name="connsiteX53" fmla="*/ 228825 w 350433"/>
                  <a:gd name="connsiteY53" fmla="*/ 175374 h 279400"/>
                  <a:gd name="connsiteX54" fmla="*/ 312266 w 350433"/>
                  <a:gd name="connsiteY54" fmla="*/ 108318 h 279400"/>
                  <a:gd name="connsiteX55" fmla="*/ 325715 w 350433"/>
                  <a:gd name="connsiteY55" fmla="*/ 95279 h 279400"/>
                  <a:gd name="connsiteX56" fmla="*/ 325715 w 350433"/>
                  <a:gd name="connsiteY56" fmla="*/ 247646 h 279400"/>
                  <a:gd name="connsiteX57" fmla="*/ 323916 w 350433"/>
                  <a:gd name="connsiteY57" fmla="*/ 252116 h 2794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</a:cxnLst>
                <a:rect l="l" t="t" r="r" b="b"/>
                <a:pathLst>
                  <a:path w="350433" h="279400">
                    <a:moveTo>
                      <a:pt x="342006" y="9317"/>
                    </a:moveTo>
                    <a:cubicBezTo>
                      <a:pt x="336263" y="3252"/>
                      <a:pt x="328174" y="-133"/>
                      <a:pt x="319748" y="4"/>
                    </a:cubicBezTo>
                    <a:lnTo>
                      <a:pt x="31540" y="4"/>
                    </a:lnTo>
                    <a:cubicBezTo>
                      <a:pt x="23170" y="-127"/>
                      <a:pt x="15142" y="3261"/>
                      <a:pt x="9472" y="9317"/>
                    </a:cubicBezTo>
                    <a:cubicBezTo>
                      <a:pt x="3351" y="15227"/>
                      <a:pt x="-67" y="23327"/>
                      <a:pt x="1" y="31762"/>
                    </a:cubicBezTo>
                    <a:lnTo>
                      <a:pt x="1" y="247646"/>
                    </a:lnTo>
                    <a:cubicBezTo>
                      <a:pt x="-67" y="256081"/>
                      <a:pt x="3351" y="264181"/>
                      <a:pt x="9472" y="270091"/>
                    </a:cubicBezTo>
                    <a:cubicBezTo>
                      <a:pt x="15142" y="276147"/>
                      <a:pt x="23170" y="279535"/>
                      <a:pt x="31540" y="279404"/>
                    </a:cubicBezTo>
                    <a:lnTo>
                      <a:pt x="319748" y="279404"/>
                    </a:lnTo>
                    <a:cubicBezTo>
                      <a:pt x="328141" y="279514"/>
                      <a:pt x="336191" y="276132"/>
                      <a:pt x="341911" y="270091"/>
                    </a:cubicBezTo>
                    <a:cubicBezTo>
                      <a:pt x="348041" y="264187"/>
                      <a:pt x="351461" y="256083"/>
                      <a:pt x="351382" y="247646"/>
                    </a:cubicBezTo>
                    <a:lnTo>
                      <a:pt x="351382" y="31762"/>
                    </a:lnTo>
                    <a:cubicBezTo>
                      <a:pt x="351461" y="23325"/>
                      <a:pt x="348041" y="15221"/>
                      <a:pt x="341911" y="9317"/>
                    </a:cubicBezTo>
                    <a:moveTo>
                      <a:pt x="317002" y="65197"/>
                    </a:moveTo>
                    <a:cubicBezTo>
                      <a:pt x="311769" y="73854"/>
                      <a:pt x="305112" y="81596"/>
                      <a:pt x="297302" y="88108"/>
                    </a:cubicBezTo>
                    <a:lnTo>
                      <a:pt x="218785" y="150973"/>
                    </a:lnTo>
                    <a:lnTo>
                      <a:pt x="211966" y="156841"/>
                    </a:lnTo>
                    <a:cubicBezTo>
                      <a:pt x="208178" y="160100"/>
                      <a:pt x="205147" y="162615"/>
                      <a:pt x="202969" y="164291"/>
                    </a:cubicBezTo>
                    <a:cubicBezTo>
                      <a:pt x="200790" y="165968"/>
                      <a:pt x="197854" y="168110"/>
                      <a:pt x="194255" y="170531"/>
                    </a:cubicBezTo>
                    <a:cubicBezTo>
                      <a:pt x="191316" y="172704"/>
                      <a:pt x="188139" y="174547"/>
                      <a:pt x="184784" y="176026"/>
                    </a:cubicBezTo>
                    <a:cubicBezTo>
                      <a:pt x="182122" y="177162"/>
                      <a:pt x="179256" y="177764"/>
                      <a:pt x="176355" y="177796"/>
                    </a:cubicBezTo>
                    <a:lnTo>
                      <a:pt x="176355" y="177796"/>
                    </a:lnTo>
                    <a:cubicBezTo>
                      <a:pt x="173455" y="177744"/>
                      <a:pt x="170593" y="177144"/>
                      <a:pt x="167925" y="176026"/>
                    </a:cubicBezTo>
                    <a:cubicBezTo>
                      <a:pt x="164578" y="174532"/>
                      <a:pt x="161403" y="172690"/>
                      <a:pt x="158454" y="170531"/>
                    </a:cubicBezTo>
                    <a:cubicBezTo>
                      <a:pt x="154855" y="168110"/>
                      <a:pt x="151919" y="166061"/>
                      <a:pt x="149740" y="164291"/>
                    </a:cubicBezTo>
                    <a:cubicBezTo>
                      <a:pt x="147562" y="162522"/>
                      <a:pt x="144531" y="160100"/>
                      <a:pt x="140269" y="156841"/>
                    </a:cubicBezTo>
                    <a:lnTo>
                      <a:pt x="133355" y="150973"/>
                    </a:lnTo>
                    <a:cubicBezTo>
                      <a:pt x="106078" y="129180"/>
                      <a:pt x="79812" y="108225"/>
                      <a:pt x="54555" y="88108"/>
                    </a:cubicBezTo>
                    <a:cubicBezTo>
                      <a:pt x="36570" y="74789"/>
                      <a:pt x="26037" y="53902"/>
                      <a:pt x="26141" y="31762"/>
                    </a:cubicBezTo>
                    <a:cubicBezTo>
                      <a:pt x="26135" y="30082"/>
                      <a:pt x="26818" y="28471"/>
                      <a:pt x="28036" y="27292"/>
                    </a:cubicBezTo>
                    <a:cubicBezTo>
                      <a:pt x="29134" y="26065"/>
                      <a:pt x="30731" y="25382"/>
                      <a:pt x="32392" y="25429"/>
                    </a:cubicBezTo>
                    <a:lnTo>
                      <a:pt x="319748" y="25429"/>
                    </a:lnTo>
                    <a:cubicBezTo>
                      <a:pt x="320652" y="25226"/>
                      <a:pt x="321591" y="25226"/>
                      <a:pt x="322495" y="25429"/>
                    </a:cubicBezTo>
                    <a:cubicBezTo>
                      <a:pt x="323248" y="25714"/>
                      <a:pt x="323881" y="26239"/>
                      <a:pt x="324294" y="26920"/>
                    </a:cubicBezTo>
                    <a:lnTo>
                      <a:pt x="325336" y="28689"/>
                    </a:lnTo>
                    <a:cubicBezTo>
                      <a:pt x="325767" y="29456"/>
                      <a:pt x="325965" y="30329"/>
                      <a:pt x="325905" y="31204"/>
                    </a:cubicBezTo>
                    <a:cubicBezTo>
                      <a:pt x="325905" y="32321"/>
                      <a:pt x="325905" y="33159"/>
                      <a:pt x="325905" y="33718"/>
                    </a:cubicBezTo>
                    <a:lnTo>
                      <a:pt x="325905" y="39120"/>
                    </a:lnTo>
                    <a:cubicBezTo>
                      <a:pt x="325266" y="48508"/>
                      <a:pt x="321987" y="57536"/>
                      <a:pt x="316433" y="65197"/>
                    </a:cubicBezTo>
                    <a:moveTo>
                      <a:pt x="323726" y="252116"/>
                    </a:moveTo>
                    <a:cubicBezTo>
                      <a:pt x="322563" y="253308"/>
                      <a:pt x="320955" y="253981"/>
                      <a:pt x="319275" y="253979"/>
                    </a:cubicBezTo>
                    <a:lnTo>
                      <a:pt x="31540" y="253979"/>
                    </a:lnTo>
                    <a:cubicBezTo>
                      <a:pt x="29888" y="253977"/>
                      <a:pt x="28311" y="253303"/>
                      <a:pt x="27183" y="252116"/>
                    </a:cubicBezTo>
                    <a:cubicBezTo>
                      <a:pt x="25983" y="250926"/>
                      <a:pt x="25303" y="249322"/>
                      <a:pt x="25289" y="247646"/>
                    </a:cubicBezTo>
                    <a:lnTo>
                      <a:pt x="25289" y="95279"/>
                    </a:lnTo>
                    <a:cubicBezTo>
                      <a:pt x="29420" y="99995"/>
                      <a:pt x="33951" y="104356"/>
                      <a:pt x="38833" y="108318"/>
                    </a:cubicBezTo>
                    <a:cubicBezTo>
                      <a:pt x="73813" y="135575"/>
                      <a:pt x="101627" y="157927"/>
                      <a:pt x="122274" y="175374"/>
                    </a:cubicBezTo>
                    <a:cubicBezTo>
                      <a:pt x="128904" y="181148"/>
                      <a:pt x="134302" y="185526"/>
                      <a:pt x="138470" y="188692"/>
                    </a:cubicBezTo>
                    <a:cubicBezTo>
                      <a:pt x="143769" y="192380"/>
                      <a:pt x="149452" y="195502"/>
                      <a:pt x="155423" y="198005"/>
                    </a:cubicBezTo>
                    <a:cubicBezTo>
                      <a:pt x="161690" y="201004"/>
                      <a:pt x="168535" y="202655"/>
                      <a:pt x="175502" y="202848"/>
                    </a:cubicBezTo>
                    <a:lnTo>
                      <a:pt x="175502" y="202848"/>
                    </a:lnTo>
                    <a:cubicBezTo>
                      <a:pt x="182470" y="202663"/>
                      <a:pt x="189317" y="201012"/>
                      <a:pt x="195581" y="198005"/>
                    </a:cubicBezTo>
                    <a:cubicBezTo>
                      <a:pt x="201552" y="195502"/>
                      <a:pt x="207236" y="192380"/>
                      <a:pt x="212534" y="188692"/>
                    </a:cubicBezTo>
                    <a:cubicBezTo>
                      <a:pt x="216702" y="185526"/>
                      <a:pt x="222006" y="181148"/>
                      <a:pt x="228825" y="175374"/>
                    </a:cubicBezTo>
                    <a:cubicBezTo>
                      <a:pt x="249472" y="157989"/>
                      <a:pt x="277286" y="135637"/>
                      <a:pt x="312266" y="108318"/>
                    </a:cubicBezTo>
                    <a:cubicBezTo>
                      <a:pt x="317117" y="104355"/>
                      <a:pt x="321617" y="99993"/>
                      <a:pt x="325715" y="95279"/>
                    </a:cubicBezTo>
                    <a:lnTo>
                      <a:pt x="325715" y="247646"/>
                    </a:lnTo>
                    <a:cubicBezTo>
                      <a:pt x="325736" y="249310"/>
                      <a:pt x="325090" y="250916"/>
                      <a:pt x="323916" y="252116"/>
                    </a:cubicBezTo>
                  </a:path>
                </a:pathLst>
              </a:custGeom>
              <a:grpFill/>
              <a:ln w="936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nl-NL" sz="190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227" name="Tekstvak 182">
              <a:extLst>
                <a:ext uri="{FF2B5EF4-FFF2-40B4-BE49-F238E27FC236}">
                  <a16:creationId xmlns="" xmlns:a16="http://schemas.microsoft.com/office/drawing/2014/main" id="{A0C1CB62-793B-4167-9CD9-F47CDFE85426}"/>
                </a:ext>
              </a:extLst>
            </p:cNvPr>
            <p:cNvSpPr txBox="1"/>
            <p:nvPr userDrawn="1"/>
          </p:nvSpPr>
          <p:spPr>
            <a:xfrm>
              <a:off x="5084416" y="6205837"/>
              <a:ext cx="824874" cy="70174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Отправить письмо по электронной почте</a:t>
              </a:r>
            </a:p>
          </p:txBody>
        </p:sp>
      </p:grpSp>
      <p:grpSp>
        <p:nvGrpSpPr>
          <p:cNvPr id="233" name="Group 232">
            <a:extLst>
              <a:ext uri="{FF2B5EF4-FFF2-40B4-BE49-F238E27FC236}">
                <a16:creationId xmlns="" xmlns:a16="http://schemas.microsoft.com/office/drawing/2014/main" id="{506FD624-F37A-4208-BDB4-536A70890585}"/>
              </a:ext>
            </a:extLst>
          </p:cNvPr>
          <p:cNvGrpSpPr/>
          <p:nvPr userDrawn="1"/>
        </p:nvGrpSpPr>
        <p:grpSpPr>
          <a:xfrm>
            <a:off x="7399317" y="6440973"/>
            <a:ext cx="1538929" cy="205629"/>
            <a:chOff x="4439927" y="6440972"/>
            <a:chExt cx="1154197" cy="205629"/>
          </a:xfrm>
        </p:grpSpPr>
        <p:sp>
          <p:nvSpPr>
            <p:cNvPr id="234" name="Graphic 71">
              <a:extLst>
                <a:ext uri="{FF2B5EF4-FFF2-40B4-BE49-F238E27FC236}">
                  <a16:creationId xmlns="" xmlns:a16="http://schemas.microsoft.com/office/drawing/2014/main" id="{265D6AFD-E404-4A28-9B34-ADE6491AFBC7}"/>
                </a:ext>
              </a:extLst>
            </p:cNvPr>
            <p:cNvSpPr/>
            <p:nvPr userDrawn="1"/>
          </p:nvSpPr>
          <p:spPr>
            <a:xfrm>
              <a:off x="4439927" y="6440972"/>
              <a:ext cx="168242" cy="205629"/>
            </a:xfrm>
            <a:custGeom>
              <a:avLst/>
              <a:gdLst>
                <a:gd name="connsiteX0" fmla="*/ 230429 w 228600"/>
                <a:gd name="connsiteY0" fmla="*/ 268131 h 279400"/>
                <a:gd name="connsiteX1" fmla="*/ 230429 w 228600"/>
                <a:gd name="connsiteY1" fmla="*/ 190086 h 279400"/>
                <a:gd name="connsiteX2" fmla="*/ 219456 w 228600"/>
                <a:gd name="connsiteY2" fmla="*/ 178816 h 279400"/>
                <a:gd name="connsiteX3" fmla="*/ 186538 w 228600"/>
                <a:gd name="connsiteY3" fmla="*/ 178816 h 279400"/>
                <a:gd name="connsiteX4" fmla="*/ 186538 w 228600"/>
                <a:gd name="connsiteY4" fmla="*/ 134112 h 279400"/>
                <a:gd name="connsiteX5" fmla="*/ 120701 w 228600"/>
                <a:gd name="connsiteY5" fmla="*/ 134112 h 279400"/>
                <a:gd name="connsiteX6" fmla="*/ 120701 w 228600"/>
                <a:gd name="connsiteY6" fmla="*/ 100584 h 279400"/>
                <a:gd name="connsiteX7" fmla="*/ 153436 w 228600"/>
                <a:gd name="connsiteY7" fmla="*/ 100584 h 279400"/>
                <a:gd name="connsiteX8" fmla="*/ 164592 w 228600"/>
                <a:gd name="connsiteY8" fmla="*/ 89409 h 279400"/>
                <a:gd name="connsiteX9" fmla="*/ 164592 w 228600"/>
                <a:gd name="connsiteY9" fmla="*/ 89315 h 279400"/>
                <a:gd name="connsiteX10" fmla="*/ 164592 w 228600"/>
                <a:gd name="connsiteY10" fmla="*/ 11270 h 279400"/>
                <a:gd name="connsiteX11" fmla="*/ 153528 w 228600"/>
                <a:gd name="connsiteY11" fmla="*/ 0 h 279400"/>
                <a:gd name="connsiteX12" fmla="*/ 153436 w 228600"/>
                <a:gd name="connsiteY12" fmla="*/ 0 h 279400"/>
                <a:gd name="connsiteX13" fmla="*/ 76992 w 228600"/>
                <a:gd name="connsiteY13" fmla="*/ 0 h 279400"/>
                <a:gd name="connsiteX14" fmla="*/ 65837 w 228600"/>
                <a:gd name="connsiteY14" fmla="*/ 11176 h 279400"/>
                <a:gd name="connsiteX15" fmla="*/ 65837 w 228600"/>
                <a:gd name="connsiteY15" fmla="*/ 11270 h 279400"/>
                <a:gd name="connsiteX16" fmla="*/ 65837 w 228600"/>
                <a:gd name="connsiteY16" fmla="*/ 89315 h 279400"/>
                <a:gd name="connsiteX17" fmla="*/ 76901 w 228600"/>
                <a:gd name="connsiteY17" fmla="*/ 100585 h 279400"/>
                <a:gd name="connsiteX18" fmla="*/ 76992 w 228600"/>
                <a:gd name="connsiteY18" fmla="*/ 100584 h 279400"/>
                <a:gd name="connsiteX19" fmla="*/ 109728 w 228600"/>
                <a:gd name="connsiteY19" fmla="*/ 100584 h 279400"/>
                <a:gd name="connsiteX20" fmla="*/ 109728 w 228600"/>
                <a:gd name="connsiteY20" fmla="*/ 134112 h 279400"/>
                <a:gd name="connsiteX21" fmla="*/ 43891 w 228600"/>
                <a:gd name="connsiteY21" fmla="*/ 134112 h 279400"/>
                <a:gd name="connsiteX22" fmla="*/ 43891 w 228600"/>
                <a:gd name="connsiteY22" fmla="*/ 178816 h 279400"/>
                <a:gd name="connsiteX23" fmla="*/ 11156 w 228600"/>
                <a:gd name="connsiteY23" fmla="*/ 178816 h 279400"/>
                <a:gd name="connsiteX24" fmla="*/ 0 w 228600"/>
                <a:gd name="connsiteY24" fmla="*/ 189992 h 279400"/>
                <a:gd name="connsiteX25" fmla="*/ 0 w 228600"/>
                <a:gd name="connsiteY25" fmla="*/ 190086 h 279400"/>
                <a:gd name="connsiteX26" fmla="*/ 0 w 228600"/>
                <a:gd name="connsiteY26" fmla="*/ 268131 h 279400"/>
                <a:gd name="connsiteX27" fmla="*/ 11064 w 228600"/>
                <a:gd name="connsiteY27" fmla="*/ 279401 h 279400"/>
                <a:gd name="connsiteX28" fmla="*/ 11156 w 228600"/>
                <a:gd name="connsiteY28" fmla="*/ 279400 h 279400"/>
                <a:gd name="connsiteX29" fmla="*/ 87600 w 228600"/>
                <a:gd name="connsiteY29" fmla="*/ 279400 h 279400"/>
                <a:gd name="connsiteX30" fmla="*/ 98755 w 228600"/>
                <a:gd name="connsiteY30" fmla="*/ 268225 h 279400"/>
                <a:gd name="connsiteX31" fmla="*/ 98755 w 228600"/>
                <a:gd name="connsiteY31" fmla="*/ 268131 h 279400"/>
                <a:gd name="connsiteX32" fmla="*/ 98755 w 228600"/>
                <a:gd name="connsiteY32" fmla="*/ 190086 h 279400"/>
                <a:gd name="connsiteX33" fmla="*/ 87691 w 228600"/>
                <a:gd name="connsiteY33" fmla="*/ 178816 h 279400"/>
                <a:gd name="connsiteX34" fmla="*/ 87600 w 228600"/>
                <a:gd name="connsiteY34" fmla="*/ 178816 h 279400"/>
                <a:gd name="connsiteX35" fmla="*/ 54864 w 228600"/>
                <a:gd name="connsiteY35" fmla="*/ 178816 h 279400"/>
                <a:gd name="connsiteX36" fmla="*/ 54864 w 228600"/>
                <a:gd name="connsiteY36" fmla="*/ 145288 h 279400"/>
                <a:gd name="connsiteX37" fmla="*/ 175565 w 228600"/>
                <a:gd name="connsiteY37" fmla="*/ 145288 h 279400"/>
                <a:gd name="connsiteX38" fmla="*/ 175565 w 228600"/>
                <a:gd name="connsiteY38" fmla="*/ 178816 h 279400"/>
                <a:gd name="connsiteX39" fmla="*/ 142829 w 228600"/>
                <a:gd name="connsiteY39" fmla="*/ 178816 h 279400"/>
                <a:gd name="connsiteX40" fmla="*/ 131674 w 228600"/>
                <a:gd name="connsiteY40" fmla="*/ 189992 h 279400"/>
                <a:gd name="connsiteX41" fmla="*/ 131674 w 228600"/>
                <a:gd name="connsiteY41" fmla="*/ 190086 h 279400"/>
                <a:gd name="connsiteX42" fmla="*/ 131674 w 228600"/>
                <a:gd name="connsiteY42" fmla="*/ 268131 h 279400"/>
                <a:gd name="connsiteX43" fmla="*/ 142737 w 228600"/>
                <a:gd name="connsiteY43" fmla="*/ 279401 h 279400"/>
                <a:gd name="connsiteX44" fmla="*/ 142829 w 228600"/>
                <a:gd name="connsiteY44" fmla="*/ 279400 h 279400"/>
                <a:gd name="connsiteX45" fmla="*/ 219456 w 228600"/>
                <a:gd name="connsiteY45" fmla="*/ 279400 h 279400"/>
                <a:gd name="connsiteX46" fmla="*/ 230611 w 228600"/>
                <a:gd name="connsiteY46" fmla="*/ 268225 h 279400"/>
                <a:gd name="connsiteX47" fmla="*/ 230612 w 228600"/>
                <a:gd name="connsiteY47" fmla="*/ 268131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</a:cxnLst>
              <a:rect l="l" t="t" r="r" b="b"/>
              <a:pathLst>
                <a:path w="228600" h="279400">
                  <a:moveTo>
                    <a:pt x="230429" y="268131"/>
                  </a:moveTo>
                  <a:lnTo>
                    <a:pt x="230429" y="190086"/>
                  </a:lnTo>
                  <a:cubicBezTo>
                    <a:pt x="230429" y="183898"/>
                    <a:pt x="225531" y="178868"/>
                    <a:pt x="219456" y="178816"/>
                  </a:cubicBezTo>
                  <a:lnTo>
                    <a:pt x="186538" y="178816"/>
                  </a:lnTo>
                  <a:lnTo>
                    <a:pt x="186538" y="134112"/>
                  </a:lnTo>
                  <a:lnTo>
                    <a:pt x="120701" y="134112"/>
                  </a:lnTo>
                  <a:lnTo>
                    <a:pt x="120701" y="100584"/>
                  </a:lnTo>
                  <a:lnTo>
                    <a:pt x="153436" y="100584"/>
                  </a:lnTo>
                  <a:cubicBezTo>
                    <a:pt x="159547" y="100636"/>
                    <a:pt x="164541" y="95632"/>
                    <a:pt x="164592" y="89409"/>
                  </a:cubicBezTo>
                  <a:cubicBezTo>
                    <a:pt x="164592" y="89378"/>
                    <a:pt x="164592" y="89346"/>
                    <a:pt x="164592" y="89315"/>
                  </a:cubicBezTo>
                  <a:lnTo>
                    <a:pt x="164592" y="11270"/>
                  </a:lnTo>
                  <a:cubicBezTo>
                    <a:pt x="164592" y="5046"/>
                    <a:pt x="159639" y="0"/>
                    <a:pt x="153528" y="0"/>
                  </a:cubicBezTo>
                  <a:cubicBezTo>
                    <a:pt x="153498" y="0"/>
                    <a:pt x="153467" y="0"/>
                    <a:pt x="153436" y="0"/>
                  </a:cubicBezTo>
                  <a:lnTo>
                    <a:pt x="76992" y="0"/>
                  </a:lnTo>
                  <a:cubicBezTo>
                    <a:pt x="70882" y="-51"/>
                    <a:pt x="65888" y="4952"/>
                    <a:pt x="65837" y="11176"/>
                  </a:cubicBezTo>
                  <a:cubicBezTo>
                    <a:pt x="65837" y="11207"/>
                    <a:pt x="65837" y="11238"/>
                    <a:pt x="65837" y="11270"/>
                  </a:cubicBezTo>
                  <a:lnTo>
                    <a:pt x="65837" y="89315"/>
                  </a:lnTo>
                  <a:cubicBezTo>
                    <a:pt x="65837" y="95539"/>
                    <a:pt x="70790" y="100585"/>
                    <a:pt x="76901" y="100585"/>
                  </a:cubicBezTo>
                  <a:cubicBezTo>
                    <a:pt x="76931" y="100585"/>
                    <a:pt x="76962" y="100585"/>
                    <a:pt x="76992" y="100584"/>
                  </a:cubicBezTo>
                  <a:lnTo>
                    <a:pt x="109728" y="100584"/>
                  </a:lnTo>
                  <a:lnTo>
                    <a:pt x="109728" y="134112"/>
                  </a:lnTo>
                  <a:lnTo>
                    <a:pt x="43891" y="134112"/>
                  </a:lnTo>
                  <a:lnTo>
                    <a:pt x="43891" y="178816"/>
                  </a:lnTo>
                  <a:lnTo>
                    <a:pt x="11156" y="178816"/>
                  </a:lnTo>
                  <a:cubicBezTo>
                    <a:pt x="5045" y="178765"/>
                    <a:pt x="51" y="183768"/>
                    <a:pt x="0" y="189992"/>
                  </a:cubicBezTo>
                  <a:cubicBezTo>
                    <a:pt x="0" y="190023"/>
                    <a:pt x="0" y="190054"/>
                    <a:pt x="0" y="190086"/>
                  </a:cubicBezTo>
                  <a:lnTo>
                    <a:pt x="0" y="268131"/>
                  </a:lnTo>
                  <a:cubicBezTo>
                    <a:pt x="0" y="274355"/>
                    <a:pt x="4953" y="279401"/>
                    <a:pt x="11064" y="279401"/>
                  </a:cubicBezTo>
                  <a:cubicBezTo>
                    <a:pt x="11094" y="279401"/>
                    <a:pt x="11125" y="279401"/>
                    <a:pt x="11156" y="279400"/>
                  </a:cubicBezTo>
                  <a:lnTo>
                    <a:pt x="87600" y="279400"/>
                  </a:lnTo>
                  <a:cubicBezTo>
                    <a:pt x="93710" y="279452"/>
                    <a:pt x="98704" y="274448"/>
                    <a:pt x="98755" y="268225"/>
                  </a:cubicBezTo>
                  <a:cubicBezTo>
                    <a:pt x="98755" y="268194"/>
                    <a:pt x="98755" y="268162"/>
                    <a:pt x="98755" y="268131"/>
                  </a:cubicBezTo>
                  <a:lnTo>
                    <a:pt x="98755" y="190086"/>
                  </a:lnTo>
                  <a:cubicBezTo>
                    <a:pt x="98755" y="183862"/>
                    <a:pt x="93802" y="178816"/>
                    <a:pt x="87691" y="178816"/>
                  </a:cubicBezTo>
                  <a:cubicBezTo>
                    <a:pt x="87661" y="178816"/>
                    <a:pt x="87630" y="178816"/>
                    <a:pt x="87600" y="178816"/>
                  </a:cubicBezTo>
                  <a:lnTo>
                    <a:pt x="54864" y="178816"/>
                  </a:lnTo>
                  <a:lnTo>
                    <a:pt x="54864" y="145288"/>
                  </a:lnTo>
                  <a:lnTo>
                    <a:pt x="175565" y="145288"/>
                  </a:lnTo>
                  <a:lnTo>
                    <a:pt x="175565" y="178816"/>
                  </a:lnTo>
                  <a:lnTo>
                    <a:pt x="142829" y="178816"/>
                  </a:lnTo>
                  <a:cubicBezTo>
                    <a:pt x="136719" y="178765"/>
                    <a:pt x="131724" y="183768"/>
                    <a:pt x="131674" y="189992"/>
                  </a:cubicBezTo>
                  <a:cubicBezTo>
                    <a:pt x="131674" y="190023"/>
                    <a:pt x="131674" y="190054"/>
                    <a:pt x="131674" y="190086"/>
                  </a:cubicBezTo>
                  <a:lnTo>
                    <a:pt x="131674" y="268131"/>
                  </a:lnTo>
                  <a:cubicBezTo>
                    <a:pt x="131673" y="274355"/>
                    <a:pt x="136627" y="279401"/>
                    <a:pt x="142737" y="279401"/>
                  </a:cubicBezTo>
                  <a:cubicBezTo>
                    <a:pt x="142768" y="279401"/>
                    <a:pt x="142799" y="279401"/>
                    <a:pt x="142829" y="279400"/>
                  </a:cubicBezTo>
                  <a:lnTo>
                    <a:pt x="219456" y="279400"/>
                  </a:lnTo>
                  <a:cubicBezTo>
                    <a:pt x="225566" y="279452"/>
                    <a:pt x="230561" y="274448"/>
                    <a:pt x="230611" y="268225"/>
                  </a:cubicBezTo>
                  <a:cubicBezTo>
                    <a:pt x="230612" y="268194"/>
                    <a:pt x="230612" y="268162"/>
                    <a:pt x="230612" y="268131"/>
                  </a:cubicBezTo>
                </a:path>
              </a:pathLst>
            </a:custGeom>
            <a:solidFill>
              <a:schemeClr val="tx1"/>
            </a:solidFill>
            <a:ln w="914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accent2"/>
                </a:solidFill>
              </a:endParaRPr>
            </a:p>
          </p:txBody>
        </p:sp>
        <p:sp>
          <p:nvSpPr>
            <p:cNvPr id="235" name="Tekstvak 149">
              <a:extLst>
                <a:ext uri="{FF2B5EF4-FFF2-40B4-BE49-F238E27FC236}">
                  <a16:creationId xmlns="" xmlns:a16="http://schemas.microsoft.com/office/drawing/2014/main" id="{FAFDEF73-2126-478D-82AD-DFE0FD98C478}"/>
                </a:ext>
              </a:extLst>
            </p:cNvPr>
            <p:cNvSpPr txBox="1"/>
            <p:nvPr userDrawn="1"/>
          </p:nvSpPr>
          <p:spPr>
            <a:xfrm>
              <a:off x="4696928" y="6365541"/>
              <a:ext cx="898093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Дизайн исследования</a:t>
              </a:r>
            </a:p>
          </p:txBody>
        </p:sp>
      </p:grpSp>
      <p:grpSp>
        <p:nvGrpSpPr>
          <p:cNvPr id="236" name="Group 235">
            <a:extLst>
              <a:ext uri="{FF2B5EF4-FFF2-40B4-BE49-F238E27FC236}">
                <a16:creationId xmlns="" xmlns:a16="http://schemas.microsoft.com/office/drawing/2014/main" id="{11CA8B80-4479-4860-884B-AFAB4D1046A1}"/>
              </a:ext>
            </a:extLst>
          </p:cNvPr>
          <p:cNvGrpSpPr/>
          <p:nvPr userDrawn="1"/>
        </p:nvGrpSpPr>
        <p:grpSpPr>
          <a:xfrm>
            <a:off x="3756424" y="6455150"/>
            <a:ext cx="1427357" cy="199392"/>
            <a:chOff x="2097837" y="6611131"/>
            <a:chExt cx="1070518" cy="199392"/>
          </a:xfrm>
        </p:grpSpPr>
        <p:sp>
          <p:nvSpPr>
            <p:cNvPr id="237" name="Vrije vorm 194">
              <a:extLst>
                <a:ext uri="{FF2B5EF4-FFF2-40B4-BE49-F238E27FC236}">
                  <a16:creationId xmlns="" xmlns:a16="http://schemas.microsoft.com/office/drawing/2014/main" id="{1D9A4A9B-4C9D-4D8A-A30A-3880FBCE4598}"/>
                </a:ext>
              </a:extLst>
            </p:cNvPr>
            <p:cNvSpPr/>
            <p:nvPr userDrawn="1"/>
          </p:nvSpPr>
          <p:spPr>
            <a:xfrm>
              <a:off x="2097837" y="6789960"/>
              <a:ext cx="41541" cy="20563"/>
            </a:xfrm>
            <a:custGeom>
              <a:avLst/>
              <a:gdLst>
                <a:gd name="connsiteX0" fmla="*/ 0 w 56444"/>
                <a:gd name="connsiteY0" fmla="*/ 0 h 27940"/>
                <a:gd name="connsiteX1" fmla="*/ 61336 w 56444"/>
                <a:gd name="connsiteY1" fmla="*/ 0 h 27940"/>
                <a:gd name="connsiteX2" fmla="*/ 61336 w 56444"/>
                <a:gd name="connsiteY2" fmla="*/ 36415 h 27940"/>
                <a:gd name="connsiteX3" fmla="*/ 0 w 56444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27940">
                  <a:moveTo>
                    <a:pt x="0" y="0"/>
                  </a:moveTo>
                  <a:lnTo>
                    <a:pt x="61336" y="0"/>
                  </a:lnTo>
                  <a:lnTo>
                    <a:pt x="61336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38" name="Vrije vorm 195">
              <a:extLst>
                <a:ext uri="{FF2B5EF4-FFF2-40B4-BE49-F238E27FC236}">
                  <a16:creationId xmlns="" xmlns:a16="http://schemas.microsoft.com/office/drawing/2014/main" id="{1DDB2F8F-6D2B-4AA4-BABF-02419EF9A143}"/>
                </a:ext>
              </a:extLst>
            </p:cNvPr>
            <p:cNvSpPr/>
            <p:nvPr userDrawn="1"/>
          </p:nvSpPr>
          <p:spPr>
            <a:xfrm>
              <a:off x="2097837" y="6763091"/>
              <a:ext cx="41541" cy="13709"/>
            </a:xfrm>
            <a:custGeom>
              <a:avLst/>
              <a:gdLst>
                <a:gd name="connsiteX0" fmla="*/ 0 w 56444"/>
                <a:gd name="connsiteY0" fmla="*/ 0 h 18626"/>
                <a:gd name="connsiteX1" fmla="*/ 61336 w 56444"/>
                <a:gd name="connsiteY1" fmla="*/ 0 h 18626"/>
                <a:gd name="connsiteX2" fmla="*/ 61336 w 56444"/>
                <a:gd name="connsiteY2" fmla="*/ 24308 h 18626"/>
                <a:gd name="connsiteX3" fmla="*/ 0 w 56444"/>
                <a:gd name="connsiteY3" fmla="*/ 24308 h 18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18626">
                  <a:moveTo>
                    <a:pt x="0" y="0"/>
                  </a:moveTo>
                  <a:lnTo>
                    <a:pt x="61336" y="0"/>
                  </a:lnTo>
                  <a:lnTo>
                    <a:pt x="61336" y="24308"/>
                  </a:lnTo>
                  <a:lnTo>
                    <a:pt x="0" y="24308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39" name="Vrije vorm 196">
              <a:extLst>
                <a:ext uri="{FF2B5EF4-FFF2-40B4-BE49-F238E27FC236}">
                  <a16:creationId xmlns="" xmlns:a16="http://schemas.microsoft.com/office/drawing/2014/main" id="{A659B8D2-7502-4BD6-91E5-7FD6BE51F634}"/>
                </a:ext>
              </a:extLst>
            </p:cNvPr>
            <p:cNvSpPr/>
            <p:nvPr userDrawn="1"/>
          </p:nvSpPr>
          <p:spPr>
            <a:xfrm>
              <a:off x="2097837" y="6673711"/>
              <a:ext cx="41541" cy="75398"/>
            </a:xfrm>
            <a:custGeom>
              <a:avLst/>
              <a:gdLst>
                <a:gd name="connsiteX0" fmla="*/ 0 w 56444"/>
                <a:gd name="connsiteY0" fmla="*/ 0 h 102446"/>
                <a:gd name="connsiteX1" fmla="*/ 61336 w 56444"/>
                <a:gd name="connsiteY1" fmla="*/ 0 h 102446"/>
                <a:gd name="connsiteX2" fmla="*/ 61336 w 56444"/>
                <a:gd name="connsiteY2" fmla="*/ 109339 h 102446"/>
                <a:gd name="connsiteX3" fmla="*/ 0 w 56444"/>
                <a:gd name="connsiteY3" fmla="*/ 109339 h 1024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102446">
                  <a:moveTo>
                    <a:pt x="0" y="0"/>
                  </a:moveTo>
                  <a:lnTo>
                    <a:pt x="61336" y="0"/>
                  </a:lnTo>
                  <a:lnTo>
                    <a:pt x="61336" y="109339"/>
                  </a:lnTo>
                  <a:lnTo>
                    <a:pt x="0" y="109339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0" name="Vrije vorm 197">
              <a:extLst>
                <a:ext uri="{FF2B5EF4-FFF2-40B4-BE49-F238E27FC236}">
                  <a16:creationId xmlns="" xmlns:a16="http://schemas.microsoft.com/office/drawing/2014/main" id="{5A385FA6-4970-46D6-BE74-8B3690D88036}"/>
                </a:ext>
              </a:extLst>
            </p:cNvPr>
            <p:cNvSpPr/>
            <p:nvPr userDrawn="1"/>
          </p:nvSpPr>
          <p:spPr>
            <a:xfrm>
              <a:off x="2097837" y="6629021"/>
              <a:ext cx="41541" cy="34272"/>
            </a:xfrm>
            <a:custGeom>
              <a:avLst/>
              <a:gdLst>
                <a:gd name="connsiteX0" fmla="*/ 0 w 56444"/>
                <a:gd name="connsiteY0" fmla="*/ 0 h 46566"/>
                <a:gd name="connsiteX1" fmla="*/ 61336 w 56444"/>
                <a:gd name="connsiteY1" fmla="*/ 0 h 46566"/>
                <a:gd name="connsiteX2" fmla="*/ 61336 w 56444"/>
                <a:gd name="connsiteY2" fmla="*/ 48616 h 46566"/>
                <a:gd name="connsiteX3" fmla="*/ 0 w 56444"/>
                <a:gd name="connsiteY3" fmla="*/ 48616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46566">
                  <a:moveTo>
                    <a:pt x="0" y="0"/>
                  </a:moveTo>
                  <a:lnTo>
                    <a:pt x="61336" y="0"/>
                  </a:lnTo>
                  <a:lnTo>
                    <a:pt x="61336" y="48616"/>
                  </a:lnTo>
                  <a:lnTo>
                    <a:pt x="0" y="4861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1" name="Vrije vorm 198">
              <a:extLst>
                <a:ext uri="{FF2B5EF4-FFF2-40B4-BE49-F238E27FC236}">
                  <a16:creationId xmlns="" xmlns:a16="http://schemas.microsoft.com/office/drawing/2014/main" id="{60CB6EC2-8AD6-41AC-90B0-F38E968A6008}"/>
                </a:ext>
              </a:extLst>
            </p:cNvPr>
            <p:cNvSpPr/>
            <p:nvPr userDrawn="1"/>
          </p:nvSpPr>
          <p:spPr>
            <a:xfrm>
              <a:off x="2152048" y="6789960"/>
              <a:ext cx="48465" cy="20563"/>
            </a:xfrm>
            <a:custGeom>
              <a:avLst/>
              <a:gdLst>
                <a:gd name="connsiteX0" fmla="*/ 0 w 65851"/>
                <a:gd name="connsiteY0" fmla="*/ 0 h 27940"/>
                <a:gd name="connsiteX1" fmla="*/ 73660 w 65851"/>
                <a:gd name="connsiteY1" fmla="*/ 0 h 27940"/>
                <a:gd name="connsiteX2" fmla="*/ 73660 w 65851"/>
                <a:gd name="connsiteY2" fmla="*/ 36415 h 27940"/>
                <a:gd name="connsiteX3" fmla="*/ 0 w 65851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27940">
                  <a:moveTo>
                    <a:pt x="0" y="0"/>
                  </a:moveTo>
                  <a:lnTo>
                    <a:pt x="73660" y="0"/>
                  </a:lnTo>
                  <a:lnTo>
                    <a:pt x="73660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2" name="Vrije vorm 199">
              <a:extLst>
                <a:ext uri="{FF2B5EF4-FFF2-40B4-BE49-F238E27FC236}">
                  <a16:creationId xmlns="" xmlns:a16="http://schemas.microsoft.com/office/drawing/2014/main" id="{24BD9548-806B-45E4-8039-27FB5E52992F}"/>
                </a:ext>
              </a:extLst>
            </p:cNvPr>
            <p:cNvSpPr/>
            <p:nvPr userDrawn="1"/>
          </p:nvSpPr>
          <p:spPr>
            <a:xfrm>
              <a:off x="2152049" y="6754179"/>
              <a:ext cx="48465" cy="20563"/>
            </a:xfrm>
            <a:custGeom>
              <a:avLst/>
              <a:gdLst>
                <a:gd name="connsiteX0" fmla="*/ 0 w 65851"/>
                <a:gd name="connsiteY0" fmla="*/ 0 h 27940"/>
                <a:gd name="connsiteX1" fmla="*/ 73660 w 65851"/>
                <a:gd name="connsiteY1" fmla="*/ 0 h 27940"/>
                <a:gd name="connsiteX2" fmla="*/ 73660 w 65851"/>
                <a:gd name="connsiteY2" fmla="*/ 36415 h 27940"/>
                <a:gd name="connsiteX3" fmla="*/ 0 w 65851"/>
                <a:gd name="connsiteY3" fmla="*/ 36415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27940">
                  <a:moveTo>
                    <a:pt x="0" y="0"/>
                  </a:moveTo>
                  <a:lnTo>
                    <a:pt x="73660" y="0"/>
                  </a:lnTo>
                  <a:lnTo>
                    <a:pt x="73660" y="36415"/>
                  </a:lnTo>
                  <a:lnTo>
                    <a:pt x="0" y="3641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3" name="Vrije vorm 200">
              <a:extLst>
                <a:ext uri="{FF2B5EF4-FFF2-40B4-BE49-F238E27FC236}">
                  <a16:creationId xmlns="" xmlns:a16="http://schemas.microsoft.com/office/drawing/2014/main" id="{966C2CB4-F504-45CE-A8C6-496B8B3BB474}"/>
                </a:ext>
              </a:extLst>
            </p:cNvPr>
            <p:cNvSpPr/>
            <p:nvPr userDrawn="1"/>
          </p:nvSpPr>
          <p:spPr>
            <a:xfrm>
              <a:off x="2152048" y="6655821"/>
              <a:ext cx="48465" cy="89106"/>
            </a:xfrm>
            <a:custGeom>
              <a:avLst/>
              <a:gdLst>
                <a:gd name="connsiteX0" fmla="*/ 0 w 65851"/>
                <a:gd name="connsiteY0" fmla="*/ 0 h 121073"/>
                <a:gd name="connsiteX1" fmla="*/ 73660 w 65851"/>
                <a:gd name="connsiteY1" fmla="*/ 0 h 121073"/>
                <a:gd name="connsiteX2" fmla="*/ 73660 w 65851"/>
                <a:gd name="connsiteY2" fmla="*/ 121446 h 121073"/>
                <a:gd name="connsiteX3" fmla="*/ 0 w 65851"/>
                <a:gd name="connsiteY3" fmla="*/ 121446 h 1210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121072">
                  <a:moveTo>
                    <a:pt x="0" y="0"/>
                  </a:moveTo>
                  <a:lnTo>
                    <a:pt x="73660" y="0"/>
                  </a:lnTo>
                  <a:lnTo>
                    <a:pt x="73660" y="121446"/>
                  </a:lnTo>
                  <a:lnTo>
                    <a:pt x="0" y="12144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4" name="Vrije vorm 201">
              <a:extLst>
                <a:ext uri="{FF2B5EF4-FFF2-40B4-BE49-F238E27FC236}">
                  <a16:creationId xmlns="" xmlns:a16="http://schemas.microsoft.com/office/drawing/2014/main" id="{3CDBE5E7-BD44-4E46-8AC0-3FB4A37E73AE}"/>
                </a:ext>
              </a:extLst>
            </p:cNvPr>
            <p:cNvSpPr/>
            <p:nvPr userDrawn="1"/>
          </p:nvSpPr>
          <p:spPr>
            <a:xfrm>
              <a:off x="2152048" y="6611131"/>
              <a:ext cx="48465" cy="34272"/>
            </a:xfrm>
            <a:custGeom>
              <a:avLst/>
              <a:gdLst>
                <a:gd name="connsiteX0" fmla="*/ 0 w 65851"/>
                <a:gd name="connsiteY0" fmla="*/ 0 h 46566"/>
                <a:gd name="connsiteX1" fmla="*/ 73660 w 65851"/>
                <a:gd name="connsiteY1" fmla="*/ 0 h 46566"/>
                <a:gd name="connsiteX2" fmla="*/ 73660 w 65851"/>
                <a:gd name="connsiteY2" fmla="*/ 48616 h 46566"/>
                <a:gd name="connsiteX3" fmla="*/ 0 w 65851"/>
                <a:gd name="connsiteY3" fmla="*/ 48616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46566">
                  <a:moveTo>
                    <a:pt x="0" y="0"/>
                  </a:moveTo>
                  <a:lnTo>
                    <a:pt x="73660" y="0"/>
                  </a:lnTo>
                  <a:lnTo>
                    <a:pt x="73660" y="48616"/>
                  </a:lnTo>
                  <a:lnTo>
                    <a:pt x="0" y="4861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5" name="Vrije vorm 202">
              <a:extLst>
                <a:ext uri="{FF2B5EF4-FFF2-40B4-BE49-F238E27FC236}">
                  <a16:creationId xmlns="" xmlns:a16="http://schemas.microsoft.com/office/drawing/2014/main" id="{46931876-B9BC-4E4F-8345-3BC29046724E}"/>
                </a:ext>
              </a:extLst>
            </p:cNvPr>
            <p:cNvSpPr/>
            <p:nvPr userDrawn="1"/>
          </p:nvSpPr>
          <p:spPr>
            <a:xfrm>
              <a:off x="2221055" y="6618327"/>
              <a:ext cx="41541" cy="34272"/>
            </a:xfrm>
            <a:custGeom>
              <a:avLst/>
              <a:gdLst>
                <a:gd name="connsiteX0" fmla="*/ 0 w 56444"/>
                <a:gd name="connsiteY0" fmla="*/ 5187 h 46566"/>
                <a:gd name="connsiteX1" fmla="*/ 61112 w 56444"/>
                <a:gd name="connsiteY1" fmla="*/ 0 h 46566"/>
                <a:gd name="connsiteX2" fmla="*/ 65307 w 56444"/>
                <a:gd name="connsiteY2" fmla="*/ 48438 h 46566"/>
                <a:gd name="connsiteX3" fmla="*/ 4195 w 56444"/>
                <a:gd name="connsiteY3" fmla="*/ 53625 h 465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46566">
                  <a:moveTo>
                    <a:pt x="0" y="5187"/>
                  </a:moveTo>
                  <a:lnTo>
                    <a:pt x="61112" y="0"/>
                  </a:lnTo>
                  <a:lnTo>
                    <a:pt x="65307" y="48438"/>
                  </a:lnTo>
                  <a:lnTo>
                    <a:pt x="4195" y="53625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6" name="Vrije vorm 203">
              <a:extLst>
                <a:ext uri="{FF2B5EF4-FFF2-40B4-BE49-F238E27FC236}">
                  <a16:creationId xmlns="" xmlns:a16="http://schemas.microsoft.com/office/drawing/2014/main" id="{D1B293E7-4C74-42C8-846D-2043317EC31D}"/>
                </a:ext>
              </a:extLst>
            </p:cNvPr>
            <p:cNvSpPr/>
            <p:nvPr userDrawn="1"/>
          </p:nvSpPr>
          <p:spPr>
            <a:xfrm>
              <a:off x="2224997" y="6662805"/>
              <a:ext cx="48465" cy="82252"/>
            </a:xfrm>
            <a:custGeom>
              <a:avLst/>
              <a:gdLst>
                <a:gd name="connsiteX0" fmla="*/ 0 w 65851"/>
                <a:gd name="connsiteY0" fmla="*/ 5176 h 111760"/>
                <a:gd name="connsiteX1" fmla="*/ 61113 w 65851"/>
                <a:gd name="connsiteY1" fmla="*/ 0 h 111760"/>
                <a:gd name="connsiteX2" fmla="*/ 70528 w 65851"/>
                <a:gd name="connsiteY2" fmla="*/ 108941 h 111760"/>
                <a:gd name="connsiteX3" fmla="*/ 9414 w 65851"/>
                <a:gd name="connsiteY3" fmla="*/ 114117 h 1117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5851" h="111760">
                  <a:moveTo>
                    <a:pt x="0" y="5176"/>
                  </a:moveTo>
                  <a:lnTo>
                    <a:pt x="61113" y="0"/>
                  </a:lnTo>
                  <a:lnTo>
                    <a:pt x="70528" y="108941"/>
                  </a:lnTo>
                  <a:lnTo>
                    <a:pt x="9414" y="114117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7" name="Vrije vorm 204">
              <a:extLst>
                <a:ext uri="{FF2B5EF4-FFF2-40B4-BE49-F238E27FC236}">
                  <a16:creationId xmlns="" xmlns:a16="http://schemas.microsoft.com/office/drawing/2014/main" id="{F238139B-ACC6-4852-86C4-0F6172D499E6}"/>
                </a:ext>
              </a:extLst>
            </p:cNvPr>
            <p:cNvSpPr/>
            <p:nvPr userDrawn="1"/>
          </p:nvSpPr>
          <p:spPr>
            <a:xfrm>
              <a:off x="2232680" y="6751887"/>
              <a:ext cx="41541" cy="20563"/>
            </a:xfrm>
            <a:custGeom>
              <a:avLst/>
              <a:gdLst>
                <a:gd name="connsiteX0" fmla="*/ 0 w 56444"/>
                <a:gd name="connsiteY0" fmla="*/ 5187 h 27940"/>
                <a:gd name="connsiteX1" fmla="*/ 61112 w 56444"/>
                <a:gd name="connsiteY1" fmla="*/ 0 h 27940"/>
                <a:gd name="connsiteX2" fmla="*/ 63209 w 56444"/>
                <a:gd name="connsiteY2" fmla="*/ 24219 h 27940"/>
                <a:gd name="connsiteX3" fmla="*/ 2097 w 56444"/>
                <a:gd name="connsiteY3" fmla="*/ 29406 h 279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27940">
                  <a:moveTo>
                    <a:pt x="0" y="5187"/>
                  </a:moveTo>
                  <a:lnTo>
                    <a:pt x="61112" y="0"/>
                  </a:lnTo>
                  <a:lnTo>
                    <a:pt x="63209" y="24219"/>
                  </a:lnTo>
                  <a:lnTo>
                    <a:pt x="2097" y="29406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8" name="Vrije vorm 205">
              <a:extLst>
                <a:ext uri="{FF2B5EF4-FFF2-40B4-BE49-F238E27FC236}">
                  <a16:creationId xmlns="" xmlns:a16="http://schemas.microsoft.com/office/drawing/2014/main" id="{4E692CBB-DF92-4AD8-A74B-360EAB5ADE2B}"/>
                </a:ext>
              </a:extLst>
            </p:cNvPr>
            <p:cNvSpPr/>
            <p:nvPr userDrawn="1"/>
          </p:nvSpPr>
          <p:spPr>
            <a:xfrm>
              <a:off x="2236266" y="6778423"/>
              <a:ext cx="41541" cy="27417"/>
            </a:xfrm>
            <a:custGeom>
              <a:avLst/>
              <a:gdLst>
                <a:gd name="connsiteX0" fmla="*/ 0 w 56444"/>
                <a:gd name="connsiteY0" fmla="*/ 5465 h 37253"/>
                <a:gd name="connsiteX1" fmla="*/ 61336 w 56444"/>
                <a:gd name="connsiteY1" fmla="*/ 0 h 37253"/>
                <a:gd name="connsiteX2" fmla="*/ 64647 w 56444"/>
                <a:gd name="connsiteY2" fmla="*/ 36415 h 37253"/>
                <a:gd name="connsiteX3" fmla="*/ 3310 w 56444"/>
                <a:gd name="connsiteY3" fmla="*/ 41880 h 37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444" h="37253">
                  <a:moveTo>
                    <a:pt x="0" y="5465"/>
                  </a:moveTo>
                  <a:lnTo>
                    <a:pt x="61336" y="0"/>
                  </a:lnTo>
                  <a:lnTo>
                    <a:pt x="64647" y="36415"/>
                  </a:lnTo>
                  <a:lnTo>
                    <a:pt x="3310" y="41880"/>
                  </a:lnTo>
                  <a:close/>
                </a:path>
              </a:pathLst>
            </a:custGeom>
            <a:solidFill>
              <a:schemeClr val="tx1"/>
            </a:solidFill>
            <a:ln w="9172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49" name="Tekstvak 193">
              <a:extLst>
                <a:ext uri="{FF2B5EF4-FFF2-40B4-BE49-F238E27FC236}">
                  <a16:creationId xmlns="" xmlns:a16="http://schemas.microsoft.com/office/drawing/2014/main" id="{5C4F8E07-7E30-495E-8D73-D5A99C7FABB7}"/>
                </a:ext>
              </a:extLst>
            </p:cNvPr>
            <p:cNvSpPr txBox="1"/>
            <p:nvPr userDrawn="1"/>
          </p:nvSpPr>
          <p:spPr>
            <a:xfrm>
              <a:off x="2365307" y="6537061"/>
              <a:ext cx="803851" cy="350871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Клинические исследования</a:t>
              </a:r>
            </a:p>
          </p:txBody>
        </p:sp>
      </p:grpSp>
      <p:grpSp>
        <p:nvGrpSpPr>
          <p:cNvPr id="250" name="Groep 178">
            <a:extLst>
              <a:ext uri="{FF2B5EF4-FFF2-40B4-BE49-F238E27FC236}">
                <a16:creationId xmlns="" xmlns:a16="http://schemas.microsoft.com/office/drawing/2014/main" id="{05B599EF-9350-4326-BB45-974250B0FBC4}"/>
              </a:ext>
            </a:extLst>
          </p:cNvPr>
          <p:cNvGrpSpPr/>
          <p:nvPr userDrawn="1"/>
        </p:nvGrpSpPr>
        <p:grpSpPr>
          <a:xfrm>
            <a:off x="6274707" y="6455151"/>
            <a:ext cx="1299431" cy="205629"/>
            <a:chOff x="1983484" y="6455150"/>
            <a:chExt cx="974573" cy="205629"/>
          </a:xfrm>
        </p:grpSpPr>
        <p:sp>
          <p:nvSpPr>
            <p:cNvPr id="251" name="Graphic 27">
              <a:extLst>
                <a:ext uri="{FF2B5EF4-FFF2-40B4-BE49-F238E27FC236}">
                  <a16:creationId xmlns="" xmlns:a16="http://schemas.microsoft.com/office/drawing/2014/main" id="{CC202AEF-CB75-4EB8-B1FB-F20E66C185EA}"/>
                </a:ext>
              </a:extLst>
            </p:cNvPr>
            <p:cNvSpPr/>
            <p:nvPr/>
          </p:nvSpPr>
          <p:spPr>
            <a:xfrm>
              <a:off x="1983484" y="6455150"/>
              <a:ext cx="205629" cy="205629"/>
            </a:xfrm>
            <a:custGeom>
              <a:avLst/>
              <a:gdLst>
                <a:gd name="connsiteX0" fmla="*/ 140538 w 279400"/>
                <a:gd name="connsiteY0" fmla="*/ 109245 h 279400"/>
                <a:gd name="connsiteX1" fmla="*/ 194276 w 279400"/>
                <a:gd name="connsiteY1" fmla="*/ 0 h 279400"/>
                <a:gd name="connsiteX2" fmla="*/ 235255 w 279400"/>
                <a:gd name="connsiteY2" fmla="*/ 22445 h 279400"/>
                <a:gd name="connsiteX3" fmla="*/ 164567 w 279400"/>
                <a:gd name="connsiteY3" fmla="*/ 124426 h 279400"/>
                <a:gd name="connsiteX4" fmla="*/ 279400 w 279400"/>
                <a:gd name="connsiteY4" fmla="*/ 114833 h 279400"/>
                <a:gd name="connsiteX5" fmla="*/ 279400 w 279400"/>
                <a:gd name="connsiteY5" fmla="*/ 161400 h 279400"/>
                <a:gd name="connsiteX6" fmla="*/ 165405 w 279400"/>
                <a:gd name="connsiteY6" fmla="*/ 152552 h 279400"/>
                <a:gd name="connsiteX7" fmla="*/ 234417 w 279400"/>
                <a:gd name="connsiteY7" fmla="*/ 256117 h 279400"/>
                <a:gd name="connsiteX8" fmla="*/ 192693 w 279400"/>
                <a:gd name="connsiteY8" fmla="*/ 277817 h 279400"/>
                <a:gd name="connsiteX9" fmla="*/ 140538 w 279400"/>
                <a:gd name="connsiteY9" fmla="*/ 166988 h 279400"/>
                <a:gd name="connsiteX10" fmla="*/ 85869 w 279400"/>
                <a:gd name="connsiteY10" fmla="*/ 279400 h 279400"/>
                <a:gd name="connsiteX11" fmla="*/ 45728 w 279400"/>
                <a:gd name="connsiteY11" fmla="*/ 256117 h 279400"/>
                <a:gd name="connsiteX12" fmla="*/ 115578 w 279400"/>
                <a:gd name="connsiteY12" fmla="*/ 153391 h 279400"/>
                <a:gd name="connsiteX13" fmla="*/ 0 w 279400"/>
                <a:gd name="connsiteY13" fmla="*/ 161400 h 279400"/>
                <a:gd name="connsiteX14" fmla="*/ 0 w 279400"/>
                <a:gd name="connsiteY14" fmla="*/ 114833 h 279400"/>
                <a:gd name="connsiteX15" fmla="*/ 116417 w 279400"/>
                <a:gd name="connsiteY15" fmla="*/ 124426 h 279400"/>
                <a:gd name="connsiteX16" fmla="*/ 43400 w 279400"/>
                <a:gd name="connsiteY16" fmla="*/ 23283 h 279400"/>
                <a:gd name="connsiteX17" fmla="*/ 85869 w 279400"/>
                <a:gd name="connsiteY17" fmla="*/ 0 h 279400"/>
                <a:gd name="connsiteX18" fmla="*/ 140538 w 279400"/>
                <a:gd name="connsiteY18" fmla="*/ 109245 h 279400"/>
                <a:gd name="connsiteX19" fmla="*/ 140538 w 279400"/>
                <a:gd name="connsiteY19" fmla="*/ 109245 h 2794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79400" h="279400">
                  <a:moveTo>
                    <a:pt x="140538" y="109245"/>
                  </a:moveTo>
                  <a:lnTo>
                    <a:pt x="194276" y="0"/>
                  </a:lnTo>
                  <a:lnTo>
                    <a:pt x="235255" y="22445"/>
                  </a:lnTo>
                  <a:lnTo>
                    <a:pt x="164567" y="124426"/>
                  </a:lnTo>
                  <a:lnTo>
                    <a:pt x="279400" y="114833"/>
                  </a:lnTo>
                  <a:lnTo>
                    <a:pt x="279400" y="161400"/>
                  </a:lnTo>
                  <a:lnTo>
                    <a:pt x="165405" y="152552"/>
                  </a:lnTo>
                  <a:lnTo>
                    <a:pt x="234417" y="256117"/>
                  </a:lnTo>
                  <a:lnTo>
                    <a:pt x="192693" y="277817"/>
                  </a:lnTo>
                  <a:lnTo>
                    <a:pt x="140538" y="166988"/>
                  </a:lnTo>
                  <a:lnTo>
                    <a:pt x="85869" y="279400"/>
                  </a:lnTo>
                  <a:lnTo>
                    <a:pt x="45728" y="256117"/>
                  </a:lnTo>
                  <a:lnTo>
                    <a:pt x="115578" y="153391"/>
                  </a:lnTo>
                  <a:lnTo>
                    <a:pt x="0" y="161400"/>
                  </a:lnTo>
                  <a:lnTo>
                    <a:pt x="0" y="114833"/>
                  </a:lnTo>
                  <a:lnTo>
                    <a:pt x="116417" y="124426"/>
                  </a:lnTo>
                  <a:lnTo>
                    <a:pt x="43400" y="23283"/>
                  </a:lnTo>
                  <a:lnTo>
                    <a:pt x="85869" y="0"/>
                  </a:lnTo>
                  <a:lnTo>
                    <a:pt x="140538" y="109245"/>
                  </a:lnTo>
                  <a:lnTo>
                    <a:pt x="140538" y="109245"/>
                  </a:lnTo>
                  <a:close/>
                </a:path>
              </a:pathLst>
            </a:custGeom>
            <a:solidFill>
              <a:schemeClr val="tx1"/>
            </a:solidFill>
            <a:ln w="9208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nl-NL" sz="1900">
                <a:solidFill>
                  <a:schemeClr val="tx1"/>
                </a:solidFill>
              </a:endParaRPr>
            </a:p>
          </p:txBody>
        </p:sp>
        <p:sp>
          <p:nvSpPr>
            <p:cNvPr id="252" name="Tekstvak 191">
              <a:extLst>
                <a:ext uri="{FF2B5EF4-FFF2-40B4-BE49-F238E27FC236}">
                  <a16:creationId xmlns="" xmlns:a16="http://schemas.microsoft.com/office/drawing/2014/main" id="{89321736-DD80-46EA-9EEC-C1AAF9E75FB1}"/>
                </a:ext>
              </a:extLst>
            </p:cNvPr>
            <p:cNvSpPr txBox="1"/>
            <p:nvPr/>
          </p:nvSpPr>
          <p:spPr>
            <a:xfrm>
              <a:off x="2280564" y="6467438"/>
              <a:ext cx="678170" cy="175435"/>
            </a:xfrm>
            <a:prstGeom prst="rect">
              <a:avLst/>
            </a:prstGeom>
            <a:noFill/>
          </p:spPr>
          <p:txBody>
            <a:bodyPr wrap="square" lIns="0" tIns="0" rIns="0" bIns="0" rtlCol="0" anchor="ctr" anchorCtr="0">
              <a:spAutoFit/>
            </a:bodyPr>
            <a:lstStyle/>
            <a:p>
              <a:r>
                <a:rPr lang="ru-RU" sz="1150" b="0" i="0" strike="noStrike" cap="none" spc="0" baseline="0">
                  <a:solidFill>
                    <a:srgbClr val="5A5A5A"/>
                  </a:solidFill>
                  <a:effectLst/>
                  <a:latin typeface="Arial"/>
                  <a:ea typeface="Arial"/>
                  <a:cs typeface="Arial"/>
                </a:rPr>
                <a:t>Примечания</a:t>
              </a:r>
              <a:endParaRPr lang="nl-NL" sz="1150" b="0" i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136608455"/>
      </p:ext>
    </p:extLst>
  </p:cSld>
  <p:clrMapOvr>
    <a:masterClrMapping/>
  </p:clrMapOvr>
  <p:transition/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 hasCustomPrompt="1"/>
          </p:nvPr>
        </p:nvSpPr>
        <p:spPr>
          <a:xfrm>
            <a:off x="632883" y="1331384"/>
            <a:ext cx="11006400" cy="604800"/>
          </a:xfrm>
        </p:spPr>
        <p:txBody>
          <a:bodyPr/>
          <a:lstStyle>
            <a:lvl1pPr marL="0" indent="0">
              <a:buNone/>
              <a:defRPr sz="2400" b="0">
                <a:solidFill>
                  <a:schemeClr val="accent2"/>
                </a:solidFill>
              </a:defRPr>
            </a:lvl1pPr>
          </a:lstStyle>
          <a:p>
            <a:pPr lvl="0"/>
            <a:r>
              <a:rPr lang="en-GB" b="1"/>
              <a:t>Click to edit subtitle</a:t>
            </a:r>
            <a:endParaRPr lang="en-GB"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0" y="1147364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87438035"/>
      </p:ext>
    </p:extLst>
  </p:cSld>
  <p:clrMapOvr>
    <a:masterClrMapping/>
  </p:clrMapOvr>
  <p:transition/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CE978CD-8200-452B-A882-54D258D61118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cxnSp>
        <p:nvCxnSpPr>
          <p:cNvPr id="11" name="Straight Connector 10"/>
          <p:cNvCxnSpPr/>
          <p:nvPr userDrawn="1"/>
        </p:nvCxnSpPr>
        <p:spPr>
          <a:xfrm>
            <a:off x="0" y="1147364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2816481"/>
      </p:ext>
    </p:extLst>
  </p:cSld>
  <p:clrMapOvr>
    <a:masterClrMapping/>
  </p:clrMapOvr>
  <p:transition/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en-GB">
              <a:solidFill>
                <a:srgbClr val="5A5A5A"/>
              </a:solidFill>
            </a:endParaRPr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0" y="1147205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58707917"/>
      </p:ext>
    </p:extLst>
  </p:cSld>
  <p:clrMapOvr>
    <a:masterClrMapping/>
  </p:clrMapOvr>
  <p:transition/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ection Head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572823" y="3412800"/>
            <a:ext cx="7735823" cy="1036800"/>
          </a:xfrm>
        </p:spPr>
        <p:txBody>
          <a:bodyPr/>
          <a:lstStyle>
            <a:lvl1pPr marL="0" marR="0" indent="0" algn="l" defTabSz="6095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/>
              <a:buNone/>
              <a:defRPr sz="2400" b="0">
                <a:solidFill>
                  <a:schemeClr val="tx1"/>
                </a:solidFill>
              </a:defRPr>
            </a:lvl1pPr>
          </a:lstStyle>
          <a:p>
            <a:pPr marL="0" marR="0" lvl="0" indent="0" algn="l" defTabSz="60957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/>
              <a:buNone/>
              <a:defRPr/>
            </a:pPr>
            <a:r>
              <a:rPr lang="en-US"/>
              <a:t>Click to edit Master subtitle style</a:t>
            </a:r>
          </a:p>
        </p:txBody>
      </p:sp>
      <p:sp>
        <p:nvSpPr>
          <p:cNvPr id="19" name="Title 18"/>
          <p:cNvSpPr>
            <a:spLocks noGrp="1"/>
          </p:cNvSpPr>
          <p:nvPr>
            <p:ph type="title"/>
          </p:nvPr>
        </p:nvSpPr>
        <p:spPr>
          <a:xfrm>
            <a:off x="572823" y="2164800"/>
            <a:ext cx="7735823" cy="1166400"/>
          </a:xfrm>
        </p:spPr>
        <p:txBody>
          <a:bodyPr anchor="b" anchorCtr="0"/>
          <a:lstStyle>
            <a:lvl1pPr>
              <a:defRPr sz="40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 hasCustomPrompt="1"/>
          </p:nvPr>
        </p:nvSpPr>
        <p:spPr>
          <a:xfrm>
            <a:off x="572825" y="4533123"/>
            <a:ext cx="7751233" cy="383116"/>
          </a:xfrm>
        </p:spPr>
        <p:txBody>
          <a:bodyPr anchor="b" anchorCtr="0"/>
          <a:lstStyle>
            <a:lvl1pPr marL="0" indent="0">
              <a:buNone/>
              <a:defRPr lang="en-GB" sz="1800"/>
            </a:lvl1pPr>
          </a:lstStyle>
          <a:p>
            <a:pPr lvl="0"/>
            <a:r>
              <a:rPr lang="en-GB" sz="1867"/>
              <a:t>Date </a:t>
            </a:r>
            <a:r>
              <a:rPr lang="en-US"/>
              <a:t>of prep goes here if required </a:t>
            </a:r>
            <a:endParaRPr lang="en-GB"/>
          </a:p>
        </p:txBody>
      </p:sp>
      <p:cxnSp>
        <p:nvCxnSpPr>
          <p:cNvPr id="17" name="Straight Connector 16"/>
          <p:cNvCxnSpPr/>
          <p:nvPr userDrawn="1"/>
        </p:nvCxnSpPr>
        <p:spPr>
          <a:xfrm>
            <a:off x="0" y="1147202"/>
            <a:ext cx="12192000" cy="1"/>
          </a:xfrm>
          <a:prstGeom prst="line">
            <a:avLst/>
          </a:prstGeom>
          <a:ln w="3175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 userDrawn="1"/>
        </p:nvCxnSpPr>
        <p:spPr>
          <a:xfrm>
            <a:off x="0" y="5974500"/>
            <a:ext cx="12192000" cy="0"/>
          </a:xfrm>
          <a:prstGeom prst="line">
            <a:avLst/>
          </a:prstGeom>
          <a:ln w="3175" cmpd="sng">
            <a:solidFill>
              <a:srgbClr val="333333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87572703"/>
      </p:ext>
    </p:extLst>
  </p:cSld>
  <p:clrMapOvr>
    <a:masterClrMapping/>
  </p:clrMapOvr>
  <p:transition/>
  <p:hf hdr="0" dt="0"/>
  <p:extLst>
    <p:ext uri="{DCECCB84-F9BA-43D5-87BE-67443E8EF086}">
      <p15:sldGuideLst xmlns="" xmlns:p15="http://schemas.microsoft.com/office/powerpoint/2012/main">
        <p15:guide id="1" pos="3840">
          <p15:clr>
            <a:srgbClr val="FBAE40"/>
          </p15:clr>
        </p15:guide>
        <p15:guide id="2" orient="horz" pos="2160">
          <p15:clr>
            <a:srgbClr val="FBAE40"/>
          </p15:clr>
        </p15:guide>
        <p15:guide id="3" orient="horz" pos="3913">
          <p15:clr>
            <a:srgbClr val="FBAE40"/>
          </p15:clr>
        </p15:guide>
      </p15:sldGuideLst>
    </p:ext>
  </p:extLst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08F50CA9-06F6-D64B-83F0-53FFB22B55D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2648" y="1371600"/>
            <a:ext cx="10668005" cy="4584334"/>
          </a:xfrm>
          <a:prstGeom prst="rect">
            <a:avLst/>
          </a:prstGeom>
        </p:spPr>
        <p:txBody>
          <a:bodyPr/>
          <a:lstStyle>
            <a:lvl1pPr>
              <a:buClr>
                <a:schemeClr val="accent2"/>
              </a:buClr>
              <a:defRPr sz="2000"/>
            </a:lvl1pPr>
            <a:lvl2pPr marL="576263" indent="-228600">
              <a:spcBef>
                <a:spcPts val="400"/>
              </a:spcBef>
              <a:buClr>
                <a:schemeClr val="accent2"/>
              </a:buClr>
              <a:buFont typeface="Calibri" panose="020F0502020204030204" pitchFamily="34" charset="0"/>
              <a:buChar char="‒"/>
              <a:defRPr sz="1800"/>
            </a:lvl2pPr>
            <a:lvl3pPr marL="914400" indent="-228600">
              <a:spcBef>
                <a:spcPts val="400"/>
              </a:spcBef>
              <a:buClr>
                <a:schemeClr val="accent2"/>
              </a:buClr>
              <a:buFont typeface="Wingdings" panose="05000000000000000000" pitchFamily="2" charset="2"/>
              <a:buChar char="§"/>
              <a:defRPr sz="1600"/>
            </a:lvl3pPr>
            <a:lvl4pPr marL="1262063" indent="-228600">
              <a:spcBef>
                <a:spcPts val="400"/>
              </a:spcBef>
              <a:buClr>
                <a:schemeClr val="accent2"/>
              </a:buClr>
              <a:buFont typeface="Century Gothic" panose="020B0502020202020204" pitchFamily="34" charset="0"/>
              <a:buChar char="»"/>
              <a:defRPr sz="1400"/>
            </a:lvl4pPr>
            <a:lvl5pPr marL="1600200" indent="-228600">
              <a:spcBef>
                <a:spcPts val="400"/>
              </a:spcBef>
              <a:buClr>
                <a:schemeClr val="accent2"/>
              </a:buClr>
              <a:buFont typeface="Wingdings" panose="05000000000000000000" pitchFamily="2" charset="2"/>
              <a:buChar char="Ø"/>
              <a:defRPr sz="12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="" xmlns:a16="http://schemas.microsoft.com/office/drawing/2014/main" id="{36B1D69C-2B68-4244-970B-F259A6273897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1013274" y="6415923"/>
            <a:ext cx="10539735" cy="336450"/>
          </a:xfrm>
        </p:spPr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="" xmlns:a16="http://schemas.microsoft.com/office/drawing/2014/main" id="{86B4A1D5-57E6-401D-B109-A4B3B1D63A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444266066"/>
      </p:ext>
    </p:extLst>
  </p:cSld>
  <p:clrMapOvr>
    <a:masterClrMapping/>
  </p:clrMapOvr>
  <p:transition/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CEA359C5-E02A-4B97-A692-6BFA338344C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="" xmlns:a16="http://schemas.microsoft.com/office/drawing/2014/main" id="{5864F746-2AB0-4F73-B472-1713220652D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93E84804-44B8-41C1-AB88-352935C4B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C425F060-94D1-4CB0-8880-9C1BB187BD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96412618-3AB9-42CB-9842-C2519FCABF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2396825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29307586-57B6-4FA0-9D4F-579312223E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E54610F3-9A50-40D6-B6B5-6FAEF8F6912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3FD5C5E5-8F9F-4DDB-B5D9-81D68A7ED8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30CDFA79-A2ED-4CB9-92ED-E296D32FA1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C724866F-C08E-48BD-A00E-BA97DD8BE9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2849421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4CF3BDBF-64BB-4167-A997-8CC6F77C94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232C4438-D78D-4A34-BA07-E5219772B6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B8A6D4B1-3719-4C57-8562-7D67ADBB2F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760AF2B9-CD4D-43A2-95B7-F21E0DC588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2C9A00A0-840E-4958-BD4F-8EACF491F5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743529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8" name="Content Placeholder 7"/>
          <p:cNvSpPr>
            <a:spLocks noGrp="1"/>
          </p:cNvSpPr>
          <p:nvPr>
            <p:ph sz="quarter" idx="15"/>
          </p:nvPr>
        </p:nvSpPr>
        <p:spPr>
          <a:xfrm>
            <a:off x="336000" y="1339200"/>
            <a:ext cx="5683200" cy="439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Content Placeholder 7"/>
          <p:cNvSpPr>
            <a:spLocks noGrp="1"/>
          </p:cNvSpPr>
          <p:nvPr>
            <p:ph sz="quarter" idx="16"/>
          </p:nvPr>
        </p:nvSpPr>
        <p:spPr>
          <a:xfrm>
            <a:off x="6172800" y="1339200"/>
            <a:ext cx="5683200" cy="4392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2053529"/>
      </p:ext>
    </p:extLst>
  </p:cSld>
  <p:clrMapOvr>
    <a:masterClrMapping/>
  </p:clrMapOvr>
  <p:transition/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F2310601-3EE6-4A8F-A951-A2C33ACBD1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DA4F5D49-9E98-4800-85B3-DD5A750002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="" xmlns:a16="http://schemas.microsoft.com/office/drawing/2014/main" id="{FBFA498C-217D-4109-B80B-716145FB7EE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213A9642-9210-4D8E-AA2A-45EF0CD6D3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47F2FEFD-D90E-4D2C-A53E-5CAD5E5CCB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00004A54-8114-4B5A-8338-6119CB0291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3986770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7A90F7EC-528A-4D67-AE30-4C02682738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2375F38E-23AB-4D40-BA21-2285AE3902C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="" xmlns:a16="http://schemas.microsoft.com/office/drawing/2014/main" id="{B5AD8898-DAD3-43D0-889A-6285C2B0B03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="" xmlns:a16="http://schemas.microsoft.com/office/drawing/2014/main" id="{C9177A36-D8A0-4823-A495-BDB43831D61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="" xmlns:a16="http://schemas.microsoft.com/office/drawing/2014/main" id="{FA99CD2A-0FE0-420A-90EE-19BBE2F2711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="" xmlns:a16="http://schemas.microsoft.com/office/drawing/2014/main" id="{1B2DA4D4-5270-4B5D-9E95-EDF9B768BB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="" xmlns:a16="http://schemas.microsoft.com/office/drawing/2014/main" id="{81CD9495-A0D8-423F-814A-2F4FDAAAFB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="" xmlns:a16="http://schemas.microsoft.com/office/drawing/2014/main" id="{A192FB32-2F6F-4D1A-B0BE-D725AD8CE4D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6756683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70D59A44-3F8E-4627-895E-57FAA0F761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="" xmlns:a16="http://schemas.microsoft.com/office/drawing/2014/main" id="{F9B39823-C639-4610-8AB3-F2DE8AEE37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="" xmlns:a16="http://schemas.microsoft.com/office/drawing/2014/main" id="{FCA148CF-F0EF-4033-90B2-250F2138FE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="" xmlns:a16="http://schemas.microsoft.com/office/drawing/2014/main" id="{7D629F1B-B77D-4177-A833-511C5B010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7798122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="" xmlns:a16="http://schemas.microsoft.com/office/drawing/2014/main" id="{FEB54FC8-2083-4BEA-A38E-BB84BD9F15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="" xmlns:a16="http://schemas.microsoft.com/office/drawing/2014/main" id="{CDDBBCCE-031B-40C3-8E83-7347C0FF25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="" xmlns:a16="http://schemas.microsoft.com/office/drawing/2014/main" id="{81D111A1-B332-44AD-9A7D-948801B3EF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416559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31FCB67F-C70C-471C-BA53-0C3E68BD34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="" xmlns:a16="http://schemas.microsoft.com/office/drawing/2014/main" id="{33FBB8BF-E8E5-46D5-8991-FB14C4029B4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="" xmlns:a16="http://schemas.microsoft.com/office/drawing/2014/main" id="{982368BA-8B66-40B5-BADA-945CF111867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E5BE03A1-2EAF-45A2-B920-F51D88A8D2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0D4BCD1E-1024-46BC-8694-1171508DEE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3186FB2A-B2E7-4179-9D66-9C2EF558E4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6058427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5020E1EB-4478-4747-ABD3-1920EC3D1BE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="" xmlns:a16="http://schemas.microsoft.com/office/drawing/2014/main" id="{2BD7C122-7487-4A6B-AFEB-93DF9628BC4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="" xmlns:a16="http://schemas.microsoft.com/office/drawing/2014/main" id="{06B0769A-DD80-4EB4-BA2C-F464301500B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="" xmlns:a16="http://schemas.microsoft.com/office/drawing/2014/main" id="{8E2B8726-F275-4D27-AA0D-19630448B1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="" xmlns:a16="http://schemas.microsoft.com/office/drawing/2014/main" id="{2859728D-DB18-40BC-896C-A2D195953B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="" xmlns:a16="http://schemas.microsoft.com/office/drawing/2014/main" id="{D8CB0998-2FF0-4EC5-A8F3-B1CE695D58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7679710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2115EED9-FA26-4D33-86A7-2FD0A0528F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="" xmlns:a16="http://schemas.microsoft.com/office/drawing/2014/main" id="{9FBED69D-DAAB-4886-A860-8D6263240C1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3FD45968-10B5-445E-994F-F8B4FA0094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AFBD286C-801C-43DB-83AE-C885D1171E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36B4C029-8BA5-40F8-AA0A-2AFC003062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597134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="" xmlns:a16="http://schemas.microsoft.com/office/drawing/2014/main" id="{6BA6DEB2-A957-46B3-92C9-9D2995C3191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="" xmlns:a16="http://schemas.microsoft.com/office/drawing/2014/main" id="{E815058F-4210-4941-9763-581C6B5949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2A40BEA1-2D8D-465E-BFE9-AC8D553D1EE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97BF21F7-DEE9-4F5E-9BD3-7A484B57B3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2E2A2C4B-7F35-4205-A0A5-0225E718E1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1219250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>
  <p:cSld name="Заголовок, текст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480485" y="1798639"/>
            <a:ext cx="8638116" cy="313932"/>
          </a:xfrm>
        </p:spPr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Текст 2"/>
          <p:cNvSpPr>
            <a:spLocks noGrp="1"/>
          </p:cNvSpPr>
          <p:nvPr>
            <p:ph type="body" sz="half" idx="1"/>
          </p:nvPr>
        </p:nvSpPr>
        <p:spPr>
          <a:xfrm>
            <a:off x="480485" y="2708276"/>
            <a:ext cx="5513916" cy="3241675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197600" y="2708276"/>
            <a:ext cx="5513917" cy="3241675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5" name="Date Placeholder 4"/>
          <p:cNvSpPr>
            <a:spLocks noGrp="1" noChangeArrowheads="1"/>
          </p:cNvSpPr>
          <p:nvPr>
            <p:ph type="dt" sz="half" idx="10"/>
          </p:nvPr>
        </p:nvSpPr>
        <p:spPr>
          <a:xfrm>
            <a:off x="958851" y="6245225"/>
            <a:ext cx="10716683" cy="179388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145379D-0E32-4EAE-9A10-9E630F8E3C05}" type="datetime4">
              <a:rPr lang="ru-RU">
                <a:solidFill>
                  <a:srgbClr val="4A7992"/>
                </a:solidFill>
              </a:rPr>
              <a:pPr>
                <a:defRPr/>
              </a:pPr>
              <a:t>25 мая 2021 г.</a:t>
            </a:fld>
            <a:r>
              <a:rPr lang="ru-RU">
                <a:solidFill>
                  <a:srgbClr val="4A7992"/>
                </a:solidFill>
              </a:rPr>
              <a:t>09.02.2008 </a:t>
            </a:r>
            <a:r>
              <a:rPr lang="fr-FR">
                <a:solidFill>
                  <a:srgbClr val="4A7992"/>
                </a:solidFill>
              </a:rPr>
              <a:t>- </a:t>
            </a:r>
            <a:r>
              <a:rPr lang="ru-RU">
                <a:solidFill>
                  <a:srgbClr val="4A7992"/>
                </a:solidFill>
              </a:rPr>
              <a:t>Круглый стол по исследованию эффективности и безопасности Танакана у пациентов с когнитивными нарушениями на фоне сахарного диабета </a:t>
            </a:r>
            <a:r>
              <a:rPr lang="en-US">
                <a:solidFill>
                  <a:srgbClr val="4A7992"/>
                </a:solidFill>
              </a:rPr>
              <a:t>II</a:t>
            </a:r>
            <a:r>
              <a:rPr lang="ru-RU">
                <a:solidFill>
                  <a:srgbClr val="4A7992"/>
                </a:solidFill>
              </a:rPr>
              <a:t> типа</a:t>
            </a:r>
            <a:endParaRPr lang="fr-FR">
              <a:solidFill>
                <a:srgbClr val="4A7992"/>
              </a:solidFill>
            </a:endParaRP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1"/>
          </p:nvPr>
        </p:nvSpPr>
        <p:spPr>
          <a:xfrm>
            <a:off x="480484" y="6245225"/>
            <a:ext cx="287867" cy="179388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F0431A9-8680-4265-9771-98B33B55DCA4}" type="slidenum">
              <a:rPr lang="fr-FR">
                <a:solidFill>
                  <a:srgbClr val="4A7992"/>
                </a:solidFill>
              </a:rPr>
              <a:pPr>
                <a:defRPr/>
              </a:pPr>
              <a:t>‹#›</a:t>
            </a:fld>
            <a:endParaRPr lang="fr-FR">
              <a:solidFill>
                <a:srgbClr val="4A799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09284638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="" xmlns:a16="http://schemas.microsoft.com/office/drawing/2014/main" id="{3ABA9FD7-3436-4EBE-8C5D-54E55F24E5A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00038" y="1119187"/>
            <a:ext cx="11483975" cy="365126"/>
          </a:xfrm>
        </p:spPr>
        <p:txBody>
          <a:bodyPr anchor="ctr"/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="" xmlns:a16="http://schemas.microsoft.com/office/drawing/2014/main" id="{D381F440-C672-4C45-95A1-04AD5030057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379663" y="6176962"/>
            <a:ext cx="6334679" cy="360000"/>
          </a:xfrm>
        </p:spPr>
        <p:txBody>
          <a:bodyPr anchor="b">
            <a:normAutofit/>
          </a:bodyPr>
          <a:lstStyle>
            <a:lvl1pPr marL="88900" indent="-88900">
              <a:lnSpc>
                <a:spcPct val="100000"/>
              </a:lnSpc>
              <a:spcBef>
                <a:spcPts val="0"/>
              </a:spcBef>
              <a:buFont typeface="+mj-lt"/>
              <a:buAutoNum type="arabicPeriod"/>
              <a:defRPr sz="8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="" xmlns:a16="http://schemas.microsoft.com/office/drawing/2014/main" id="{005D88DC-8535-4DCA-90BF-5F8903B84AE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59238" y="6213128"/>
            <a:ext cx="524223" cy="4680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88F6FEFC-CCC7-A94C-AAC3-BECAE4BF550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Текст 2">
            <a:extLst>
              <a:ext uri="{FF2B5EF4-FFF2-40B4-BE49-F238E27FC236}">
                <a16:creationId xmlns="" xmlns:a16="http://schemas.microsoft.com/office/drawing/2014/main" id="{43748A37-D80F-4800-B76D-8B6DCD72FE61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 rot="16200000">
            <a:off x="11042967" y="5101787"/>
            <a:ext cx="2160905" cy="259082"/>
          </a:xfrm>
        </p:spPr>
        <p:txBody>
          <a:bodyPr>
            <a:noAutofit/>
          </a:bodyPr>
          <a:lstStyle/>
          <a:p>
            <a:r>
              <a:rPr lang="en-US" sz="800" dirty="0">
                <a:solidFill>
                  <a:schemeClr val="tx1"/>
                </a:solidFill>
              </a:rPr>
              <a:t>PP-SOM-RUS-0024 </a:t>
            </a:r>
            <a:r>
              <a:rPr lang="ru-RU" sz="800" dirty="0">
                <a:solidFill>
                  <a:schemeClr val="tx1"/>
                </a:solidFill>
              </a:rPr>
              <a:t>30.06.2020 </a:t>
            </a:r>
          </a:p>
        </p:txBody>
      </p:sp>
    </p:spTree>
    <p:extLst>
      <p:ext uri="{BB962C8B-B14F-4D97-AF65-F5344CB8AC3E}">
        <p14:creationId xmlns:p14="http://schemas.microsoft.com/office/powerpoint/2010/main" val="418972562"/>
      </p:ext>
    </p:extLst>
  </p:cSld>
  <p:clrMapOvr>
    <a:masterClrMapping/>
  </p:clrMapOvr>
  <p:extLst>
    <p:ext uri="{DCECCB84-F9BA-43D5-87BE-67443E8EF086}">
      <p15:sldGuideLst xmlns="" xmlns:p15="http://schemas.microsoft.com/office/powerpoint/2012/main">
        <p15:guide id="1" orient="horz" pos="709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4AD7133C-5F9C-4F7F-9637-3E296898A784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8" name="Content Placeholder 7"/>
          <p:cNvSpPr>
            <a:spLocks noGrp="1"/>
          </p:cNvSpPr>
          <p:nvPr>
            <p:ph sz="quarter" idx="15"/>
          </p:nvPr>
        </p:nvSpPr>
        <p:spPr>
          <a:xfrm>
            <a:off x="336000" y="1988840"/>
            <a:ext cx="5683200" cy="374236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7" hasCustomPrompt="1"/>
          </p:nvPr>
        </p:nvSpPr>
        <p:spPr>
          <a:xfrm>
            <a:off x="336000" y="1329601"/>
            <a:ext cx="11520000" cy="611235"/>
          </a:xfrm>
        </p:spPr>
        <p:txBody>
          <a:bodyPr/>
          <a:lstStyle>
            <a:lvl1pPr marL="0" indent="0">
              <a:buNone/>
              <a:defRPr b="1" baseline="0"/>
            </a:lvl1pPr>
          </a:lstStyle>
          <a:p>
            <a:pPr lvl="0"/>
            <a:r>
              <a:rPr lang="en-GB"/>
              <a:t>Click to edit subtitle</a:t>
            </a:r>
          </a:p>
        </p:txBody>
      </p:sp>
      <p:sp>
        <p:nvSpPr>
          <p:cNvPr id="10" name="Content Placeholder 7"/>
          <p:cNvSpPr>
            <a:spLocks noGrp="1"/>
          </p:cNvSpPr>
          <p:nvPr>
            <p:ph sz="quarter" idx="18"/>
          </p:nvPr>
        </p:nvSpPr>
        <p:spPr>
          <a:xfrm>
            <a:off x="6172469" y="1988840"/>
            <a:ext cx="5683200" cy="374236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83451474"/>
      </p:ext>
    </p:extLst>
  </p:cSld>
  <p:clrMapOvr>
    <a:masterClrMapping/>
  </p:clrMapOvr>
  <p:transition/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217085" y="620688"/>
            <a:ext cx="9800167" cy="313932"/>
          </a:xfrm>
        </p:spPr>
        <p:txBody>
          <a:bodyPr/>
          <a:lstStyle>
            <a:lvl1pPr>
              <a:defRPr sz="2400"/>
            </a:lvl1pPr>
          </a:lstStyle>
          <a:p>
            <a:r>
              <a:rPr lang="fr-FR"/>
              <a:t>Modifiez le style du titr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217085" y="1412776"/>
            <a:ext cx="9800167" cy="4536504"/>
          </a:xfrm>
        </p:spPr>
        <p:txBody>
          <a:bodyPr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992111427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7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="" xmlns:a16="http://schemas.microsoft.com/office/drawing/2014/main" id="{3ABA9FD7-3436-4EBE-8C5D-54E55F24E5A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00038" y="1119187"/>
            <a:ext cx="11483975" cy="365126"/>
          </a:xfrm>
        </p:spPr>
        <p:txBody>
          <a:bodyPr anchor="ctr"/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="" xmlns:a16="http://schemas.microsoft.com/office/drawing/2014/main" id="{D381F440-C672-4C45-95A1-04AD5030057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379663" y="6176962"/>
            <a:ext cx="6334679" cy="360000"/>
          </a:xfrm>
        </p:spPr>
        <p:txBody>
          <a:bodyPr anchor="b">
            <a:normAutofit/>
          </a:bodyPr>
          <a:lstStyle>
            <a:lvl1pPr marL="88900" indent="-88900">
              <a:lnSpc>
                <a:spcPct val="100000"/>
              </a:lnSpc>
              <a:spcBef>
                <a:spcPts val="0"/>
              </a:spcBef>
              <a:buFont typeface="+mj-lt"/>
              <a:buAutoNum type="arabicPeriod"/>
              <a:defRPr sz="8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="" xmlns:a16="http://schemas.microsoft.com/office/drawing/2014/main" id="{005D88DC-8535-4DCA-90BF-5F8903B84AE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59238" y="6213128"/>
            <a:ext cx="524223" cy="4680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88F6FEFC-CCC7-A94C-AAC3-BECAE4BF550D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Текст 2">
            <a:extLst>
              <a:ext uri="{FF2B5EF4-FFF2-40B4-BE49-F238E27FC236}">
                <a16:creationId xmlns="" xmlns:a16="http://schemas.microsoft.com/office/drawing/2014/main" id="{43748A37-D80F-4800-B76D-8B6DCD72FE61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 rot="16200000">
            <a:off x="11042967" y="5101787"/>
            <a:ext cx="2160905" cy="259082"/>
          </a:xfrm>
        </p:spPr>
        <p:txBody>
          <a:bodyPr>
            <a:noAutofit/>
          </a:bodyPr>
          <a:lstStyle/>
          <a:p>
            <a:r>
              <a:rPr lang="en-US" sz="800" dirty="0">
                <a:solidFill>
                  <a:schemeClr val="tx1"/>
                </a:solidFill>
              </a:rPr>
              <a:t>PP-SOM-RUS-0024 </a:t>
            </a:r>
            <a:r>
              <a:rPr lang="ru-RU" sz="800" dirty="0">
                <a:solidFill>
                  <a:schemeClr val="tx1"/>
                </a:solidFill>
              </a:rPr>
              <a:t>30.06.2020 </a:t>
            </a:r>
          </a:p>
        </p:txBody>
      </p:sp>
    </p:spTree>
    <p:extLst>
      <p:ext uri="{BB962C8B-B14F-4D97-AF65-F5344CB8AC3E}">
        <p14:creationId xmlns:p14="http://schemas.microsoft.com/office/powerpoint/2010/main" val="667167678"/>
      </p:ext>
    </p:extLst>
  </p:cSld>
  <p:clrMapOvr>
    <a:masterClrMapping/>
  </p:clrMapOvr>
  <p:extLst>
    <p:ext uri="{DCECCB84-F9BA-43D5-87BE-67443E8EF086}">
      <p15:sldGuideLst xmlns="" xmlns:p15="http://schemas.microsoft.com/office/powerpoint/2012/main">
        <p15:guide id="1" orient="horz" pos="709">
          <p15:clr>
            <a:srgbClr val="FBAE40"/>
          </p15:clr>
        </p15:guide>
      </p15:sldGuideLst>
    </p:ext>
  </p:extLst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="" xmlns:a16="http://schemas.microsoft.com/office/drawing/2014/main" id="{3ABA9FD7-3436-4EBE-8C5D-54E55F24E5A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00038" y="1119187"/>
            <a:ext cx="11483975" cy="365126"/>
          </a:xfrm>
        </p:spPr>
        <p:txBody>
          <a:bodyPr anchor="ctr"/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="" xmlns:a16="http://schemas.microsoft.com/office/drawing/2014/main" id="{D381F440-C672-4C45-95A1-04AD5030057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379663" y="6176962"/>
            <a:ext cx="6334679" cy="360000"/>
          </a:xfrm>
        </p:spPr>
        <p:txBody>
          <a:bodyPr anchor="b">
            <a:normAutofit/>
          </a:bodyPr>
          <a:lstStyle>
            <a:lvl1pPr marL="88900" indent="-88900">
              <a:lnSpc>
                <a:spcPct val="100000"/>
              </a:lnSpc>
              <a:spcBef>
                <a:spcPts val="0"/>
              </a:spcBef>
              <a:buFont typeface="+mj-lt"/>
              <a:buAutoNum type="arabicPeriod"/>
              <a:defRPr sz="8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="" xmlns:a16="http://schemas.microsoft.com/office/drawing/2014/main" id="{005D88DC-8535-4DCA-90BF-5F8903B84AE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59238" y="6213128"/>
            <a:ext cx="524223" cy="4680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88F6FEFC-CCC7-A94C-AAC3-BECAE4BF550D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0195513"/>
      </p:ext>
    </p:extLst>
  </p:cSld>
  <p:clrMapOvr>
    <a:masterClrMapping/>
  </p:clrMapOvr>
  <p:extLst>
    <p:ext uri="{DCECCB84-F9BA-43D5-87BE-67443E8EF086}">
      <p15:sldGuideLst xmlns="" xmlns:p15="http://schemas.microsoft.com/office/powerpoint/2012/main">
        <p15:guide id="1" orient="horz" pos="709">
          <p15:clr>
            <a:srgbClr val="FBAE40"/>
          </p15:clr>
        </p15:guide>
      </p15:sldGuideLst>
    </p:ext>
  </p:extLst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Connecteur droit 9"/>
          <p:cNvCxnSpPr/>
          <p:nvPr userDrawn="1"/>
        </p:nvCxnSpPr>
        <p:spPr>
          <a:xfrm>
            <a:off x="1391478" y="932723"/>
            <a:ext cx="730431" cy="0"/>
          </a:xfrm>
          <a:prstGeom prst="line">
            <a:avLst/>
          </a:prstGeom>
          <a:ln w="12700">
            <a:solidFill>
              <a:srgbClr val="0C405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itre 1"/>
          <p:cNvSpPr>
            <a:spLocks noGrp="1"/>
          </p:cNvSpPr>
          <p:nvPr>
            <p:ph type="title" hasCustomPrompt="1"/>
          </p:nvPr>
        </p:nvSpPr>
        <p:spPr>
          <a:xfrm>
            <a:off x="1103446" y="274637"/>
            <a:ext cx="10478953" cy="562075"/>
          </a:xfrm>
        </p:spPr>
        <p:txBody>
          <a:bodyPr/>
          <a:lstStyle>
            <a:lvl1pPr>
              <a:defRPr baseline="0">
                <a:latin typeface="+mj-lt"/>
              </a:defRPr>
            </a:lvl1pPr>
          </a:lstStyle>
          <a:p>
            <a:r>
              <a:rPr lang="fr-FR" dirty="0"/>
              <a:t>TITRE DE LA PAGE</a:t>
            </a:r>
          </a:p>
        </p:txBody>
      </p:sp>
      <p:grpSp>
        <p:nvGrpSpPr>
          <p:cNvPr id="14" name="Groupe 13"/>
          <p:cNvGrpSpPr/>
          <p:nvPr userDrawn="1"/>
        </p:nvGrpSpPr>
        <p:grpSpPr>
          <a:xfrm>
            <a:off x="0" y="6056339"/>
            <a:ext cx="12192000" cy="60959"/>
            <a:chOff x="423069" y="4515168"/>
            <a:chExt cx="8297862" cy="72806"/>
          </a:xfrm>
        </p:grpSpPr>
        <p:sp>
          <p:nvSpPr>
            <p:cNvPr id="15" name="Rectangle 14"/>
            <p:cNvSpPr/>
            <p:nvPr userDrawn="1"/>
          </p:nvSpPr>
          <p:spPr>
            <a:xfrm>
              <a:off x="423069" y="4515966"/>
              <a:ext cx="4148931" cy="72008"/>
            </a:xfrm>
            <a:prstGeom prst="rect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2400">
                <a:solidFill>
                  <a:srgbClr val="FFFFFF"/>
                </a:solidFill>
              </a:endParaRPr>
            </a:p>
          </p:txBody>
        </p:sp>
        <p:sp>
          <p:nvSpPr>
            <p:cNvPr id="16" name="Rectangle 15"/>
            <p:cNvSpPr/>
            <p:nvPr userDrawn="1"/>
          </p:nvSpPr>
          <p:spPr>
            <a:xfrm>
              <a:off x="4572000" y="4515168"/>
              <a:ext cx="4148931" cy="72008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2400">
                <a:solidFill>
                  <a:srgbClr val="F3941E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72610789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3"/>
          </p:nvPr>
        </p:nvSpPr>
        <p:spPr>
          <a:xfrm>
            <a:off x="336000" y="1339200"/>
            <a:ext cx="11520000" cy="4392000"/>
          </a:xfrm>
        </p:spPr>
        <p:txBody>
          <a:bodyPr/>
          <a:lstStyle/>
          <a:p>
            <a:r>
              <a:rPr lang="en-US"/>
              <a:t>Click icon to add table</a:t>
            </a:r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AD7133C-5F9C-4F7F-9637-3E296898A784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8120916"/>
      </p:ext>
    </p:extLst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2" Type="http://schemas.openxmlformats.org/officeDocument/2006/relationships/slideLayout" Target="../slideLayouts/slideLayout16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5" Type="http://schemas.openxmlformats.org/officeDocument/2006/relationships/theme" Target="../theme/theme2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slideLayout" Target="../slideLayouts/slideLayout2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13" Type="http://schemas.openxmlformats.org/officeDocument/2006/relationships/slideLayout" Target="../slideLayouts/slideLayout41.xml"/><Relationship Id="rId18" Type="http://schemas.openxmlformats.org/officeDocument/2006/relationships/slideLayout" Target="../slideLayouts/slideLayout46.xml"/><Relationship Id="rId26" Type="http://schemas.openxmlformats.org/officeDocument/2006/relationships/slideLayout" Target="../slideLayouts/slideLayout54.xml"/><Relationship Id="rId3" Type="http://schemas.openxmlformats.org/officeDocument/2006/relationships/slideLayout" Target="../slideLayouts/slideLayout31.xml"/><Relationship Id="rId21" Type="http://schemas.openxmlformats.org/officeDocument/2006/relationships/slideLayout" Target="../slideLayouts/slideLayout49.xml"/><Relationship Id="rId7" Type="http://schemas.openxmlformats.org/officeDocument/2006/relationships/slideLayout" Target="../slideLayouts/slideLayout35.xml"/><Relationship Id="rId12" Type="http://schemas.openxmlformats.org/officeDocument/2006/relationships/slideLayout" Target="../slideLayouts/slideLayout40.xml"/><Relationship Id="rId17" Type="http://schemas.openxmlformats.org/officeDocument/2006/relationships/slideLayout" Target="../slideLayouts/slideLayout45.xml"/><Relationship Id="rId25" Type="http://schemas.openxmlformats.org/officeDocument/2006/relationships/slideLayout" Target="../slideLayouts/slideLayout53.xml"/><Relationship Id="rId2" Type="http://schemas.openxmlformats.org/officeDocument/2006/relationships/slideLayout" Target="../slideLayouts/slideLayout30.xml"/><Relationship Id="rId16" Type="http://schemas.openxmlformats.org/officeDocument/2006/relationships/slideLayout" Target="../slideLayouts/slideLayout44.xml"/><Relationship Id="rId20" Type="http://schemas.openxmlformats.org/officeDocument/2006/relationships/slideLayout" Target="../slideLayouts/slideLayout48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slideLayout" Target="../slideLayouts/slideLayout39.xml"/><Relationship Id="rId24" Type="http://schemas.openxmlformats.org/officeDocument/2006/relationships/slideLayout" Target="../slideLayouts/slideLayout52.xml"/><Relationship Id="rId5" Type="http://schemas.openxmlformats.org/officeDocument/2006/relationships/slideLayout" Target="../slideLayouts/slideLayout33.xml"/><Relationship Id="rId15" Type="http://schemas.openxmlformats.org/officeDocument/2006/relationships/slideLayout" Target="../slideLayouts/slideLayout43.xml"/><Relationship Id="rId23" Type="http://schemas.openxmlformats.org/officeDocument/2006/relationships/slideLayout" Target="../slideLayouts/slideLayout51.xml"/><Relationship Id="rId28" Type="http://schemas.openxmlformats.org/officeDocument/2006/relationships/theme" Target="../theme/theme3.xml"/><Relationship Id="rId10" Type="http://schemas.openxmlformats.org/officeDocument/2006/relationships/slideLayout" Target="../slideLayouts/slideLayout38.xml"/><Relationship Id="rId19" Type="http://schemas.openxmlformats.org/officeDocument/2006/relationships/slideLayout" Target="../slideLayouts/slideLayout47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Relationship Id="rId14" Type="http://schemas.openxmlformats.org/officeDocument/2006/relationships/slideLayout" Target="../slideLayouts/slideLayout42.xml"/><Relationship Id="rId22" Type="http://schemas.openxmlformats.org/officeDocument/2006/relationships/slideLayout" Target="../slideLayouts/slideLayout50.xml"/><Relationship Id="rId27" Type="http://schemas.openxmlformats.org/officeDocument/2006/relationships/slideLayout" Target="../slideLayouts/slideLayout55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8.xml"/><Relationship Id="rId7" Type="http://schemas.openxmlformats.org/officeDocument/2006/relationships/theme" Target="../theme/theme4.xml"/><Relationship Id="rId2" Type="http://schemas.openxmlformats.org/officeDocument/2006/relationships/slideLayout" Target="../slideLayouts/slideLayout57.xml"/><Relationship Id="rId1" Type="http://schemas.openxmlformats.org/officeDocument/2006/relationships/slideLayout" Target="../slideLayouts/slideLayout56.xml"/><Relationship Id="rId6" Type="http://schemas.openxmlformats.org/officeDocument/2006/relationships/slideLayout" Target="../slideLayouts/slideLayout61.xml"/><Relationship Id="rId5" Type="http://schemas.openxmlformats.org/officeDocument/2006/relationships/slideLayout" Target="../slideLayouts/slideLayout60.xml"/><Relationship Id="rId4" Type="http://schemas.openxmlformats.org/officeDocument/2006/relationships/slideLayout" Target="../slideLayouts/slideLayout59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4.xml"/><Relationship Id="rId2" Type="http://schemas.openxmlformats.org/officeDocument/2006/relationships/slideLayout" Target="../slideLayouts/slideLayout63.xml"/><Relationship Id="rId1" Type="http://schemas.openxmlformats.org/officeDocument/2006/relationships/slideLayout" Target="../slideLayouts/slideLayout62.xml"/><Relationship Id="rId6" Type="http://schemas.openxmlformats.org/officeDocument/2006/relationships/theme" Target="../theme/theme5.xml"/><Relationship Id="rId5" Type="http://schemas.openxmlformats.org/officeDocument/2006/relationships/slideLayout" Target="../slideLayouts/slideLayout66.xml"/><Relationship Id="rId4" Type="http://schemas.openxmlformats.org/officeDocument/2006/relationships/slideLayout" Target="../slideLayouts/slideLayout65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4.xml"/><Relationship Id="rId13" Type="http://schemas.openxmlformats.org/officeDocument/2006/relationships/slideLayout" Target="../slideLayouts/slideLayout79.xml"/><Relationship Id="rId18" Type="http://schemas.openxmlformats.org/officeDocument/2006/relationships/theme" Target="../theme/theme6.xml"/><Relationship Id="rId3" Type="http://schemas.openxmlformats.org/officeDocument/2006/relationships/slideLayout" Target="../slideLayouts/slideLayout69.xml"/><Relationship Id="rId7" Type="http://schemas.openxmlformats.org/officeDocument/2006/relationships/slideLayout" Target="../slideLayouts/slideLayout73.xml"/><Relationship Id="rId12" Type="http://schemas.openxmlformats.org/officeDocument/2006/relationships/slideLayout" Target="../slideLayouts/slideLayout78.xml"/><Relationship Id="rId17" Type="http://schemas.openxmlformats.org/officeDocument/2006/relationships/slideLayout" Target="../slideLayouts/slideLayout83.xml"/><Relationship Id="rId2" Type="http://schemas.openxmlformats.org/officeDocument/2006/relationships/slideLayout" Target="../slideLayouts/slideLayout68.xml"/><Relationship Id="rId16" Type="http://schemas.openxmlformats.org/officeDocument/2006/relationships/slideLayout" Target="../slideLayouts/slideLayout82.xml"/><Relationship Id="rId1" Type="http://schemas.openxmlformats.org/officeDocument/2006/relationships/slideLayout" Target="../slideLayouts/slideLayout67.xml"/><Relationship Id="rId6" Type="http://schemas.openxmlformats.org/officeDocument/2006/relationships/slideLayout" Target="../slideLayouts/slideLayout72.xml"/><Relationship Id="rId11" Type="http://schemas.openxmlformats.org/officeDocument/2006/relationships/slideLayout" Target="../slideLayouts/slideLayout77.xml"/><Relationship Id="rId5" Type="http://schemas.openxmlformats.org/officeDocument/2006/relationships/slideLayout" Target="../slideLayouts/slideLayout71.xml"/><Relationship Id="rId15" Type="http://schemas.openxmlformats.org/officeDocument/2006/relationships/slideLayout" Target="../slideLayouts/slideLayout81.xml"/><Relationship Id="rId10" Type="http://schemas.openxmlformats.org/officeDocument/2006/relationships/slideLayout" Target="../slideLayouts/slideLayout76.xml"/><Relationship Id="rId4" Type="http://schemas.openxmlformats.org/officeDocument/2006/relationships/slideLayout" Target="../slideLayouts/slideLayout70.xml"/><Relationship Id="rId9" Type="http://schemas.openxmlformats.org/officeDocument/2006/relationships/slideLayout" Target="../slideLayouts/slideLayout75.xml"/><Relationship Id="rId14" Type="http://schemas.openxmlformats.org/officeDocument/2006/relationships/slideLayout" Target="../slideLayouts/slideLayout8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="" xmlns:a16="http://schemas.microsoft.com/office/drawing/2014/main" id="{D4F54B7A-5BA0-43D9-B756-D756BA22431F}"/>
              </a:ext>
            </a:extLst>
          </p:cNvPr>
          <p:cNvPicPr>
            <a:picLocks noChangeAspect="1"/>
          </p:cNvPicPr>
          <p:nvPr/>
        </p:nvPicPr>
        <p:blipFill>
          <a:blip r:embed="rId16">
            <a:clrChange>
              <a:clrFrom>
                <a:srgbClr val="FFFEFC"/>
              </a:clrFrom>
              <a:clrTo>
                <a:srgbClr val="FFFEFC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39200" y="5875233"/>
            <a:ext cx="2308800" cy="726545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36333" y="188663"/>
            <a:ext cx="11519339" cy="1008111"/>
          </a:xfrm>
          <a:prstGeom prst="rect">
            <a:avLst/>
          </a:prstGeom>
        </p:spPr>
        <p:txBody>
          <a:bodyPr vert="horz" lIns="91392" tIns="45696" rIns="91392" bIns="45696" rtlCol="0" anchor="ctr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36333" y="1340783"/>
            <a:ext cx="11519339" cy="4392487"/>
          </a:xfrm>
          <a:prstGeom prst="rect">
            <a:avLst/>
          </a:prstGeom>
        </p:spPr>
        <p:txBody>
          <a:bodyPr vert="horz" lIns="91392" tIns="45696" rIns="91392" bIns="45696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44832" y="6576733"/>
            <a:ext cx="1247168" cy="212643"/>
          </a:xfrm>
          <a:prstGeom prst="rect">
            <a:avLst/>
          </a:prstGeom>
        </p:spPr>
        <p:txBody>
          <a:bodyPr vert="horz" lIns="91392" tIns="45696" rIns="91392" bIns="45696" rtlCol="0" anchor="ctr"/>
          <a:lstStyle>
            <a:lvl1pPr algn="r">
              <a:defRPr sz="1067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fld id="{4AD7133C-5F9C-4F7F-9637-3E296898A784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3"/>
          </p:nvPr>
        </p:nvSpPr>
        <p:spPr>
          <a:xfrm>
            <a:off x="336000" y="6213309"/>
            <a:ext cx="9124800" cy="414291"/>
          </a:xfrm>
          <a:prstGeom prst="rect">
            <a:avLst/>
          </a:prstGeom>
        </p:spPr>
        <p:txBody>
          <a:bodyPr vert="horz" lIns="91392" tIns="45696" rIns="91392" bIns="45696" rtlCol="0" anchor="b" anchorCtr="0"/>
          <a:lstStyle>
            <a:lvl1pPr algn="l">
              <a:defRPr sz="1067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105961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  <p:sldLayoutId id="2147483696" r:id="rId12"/>
    <p:sldLayoutId id="2147483697" r:id="rId13"/>
    <p:sldLayoutId id="2147483699" r:id="rId14"/>
  </p:sldLayoutIdLst>
  <p:transition/>
  <p:hf hdr="0" ftr="0" dt="0"/>
  <p:txStyles>
    <p:titleStyle>
      <a:lvl1pPr algn="l" defTabSz="1218450" rtl="0" eaLnBrk="1" latinLnBrk="0" hangingPunct="1">
        <a:lnSpc>
          <a:spcPct val="100000"/>
        </a:lnSpc>
        <a:spcBef>
          <a:spcPct val="0"/>
        </a:spcBef>
        <a:buNone/>
        <a:defRPr sz="3200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235051" indent="-235051" algn="l" defTabSz="1218450" rtl="0" eaLnBrk="1" latinLnBrk="0" hangingPunct="1">
        <a:lnSpc>
          <a:spcPct val="100000"/>
        </a:lnSpc>
        <a:spcBef>
          <a:spcPts val="800"/>
        </a:spcBef>
        <a:buClr>
          <a:schemeClr val="accent1"/>
        </a:buClr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1pPr>
      <a:lvl2pPr marL="599633" indent="-364598" algn="l" defTabSz="1218450" rtl="0" eaLnBrk="1" latinLnBrk="0" hangingPunct="1">
        <a:lnSpc>
          <a:spcPct val="100000"/>
        </a:lnSpc>
        <a:spcBef>
          <a:spcPts val="533"/>
        </a:spcBef>
        <a:buClr>
          <a:schemeClr val="accent1"/>
        </a:buClr>
        <a:buFont typeface="Calibri" panose="020F0502020204030204" pitchFamily="34" charset="0"/>
        <a:buChar char="–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839498" indent="-235051" algn="l" defTabSz="121845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Arial" panose="020B0604020202020204" pitchFamily="34" charset="0"/>
        <a:buChar char="•"/>
        <a:defRPr sz="2133" kern="1200">
          <a:solidFill>
            <a:schemeClr val="tx2"/>
          </a:solidFill>
          <a:latin typeface="+mn-lt"/>
          <a:ea typeface="+mn-ea"/>
          <a:cs typeface="+mn-cs"/>
        </a:defRPr>
      </a:lvl3pPr>
      <a:lvl4pPr marL="1194451" indent="-354998" algn="l" defTabSz="121845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Calibri" panose="020F0502020204030204" pitchFamily="34" charset="0"/>
        <a:buChar char="–"/>
        <a:defRPr sz="2133" kern="1200">
          <a:solidFill>
            <a:schemeClr val="tx2"/>
          </a:solidFill>
          <a:latin typeface="+mn-lt"/>
          <a:ea typeface="+mn-ea"/>
          <a:cs typeface="+mn-cs"/>
        </a:defRPr>
      </a:lvl4pPr>
      <a:lvl5pPr marL="1439100" indent="-244651" algn="l" defTabSz="121845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Arial" panose="020B0604020202020204" pitchFamily="34" charset="0"/>
        <a:buChar char="•"/>
        <a:defRPr sz="1867" kern="1200">
          <a:solidFill>
            <a:schemeClr val="tx2"/>
          </a:solidFill>
          <a:latin typeface="+mn-lt"/>
          <a:ea typeface="+mn-ea"/>
          <a:cs typeface="+mn-cs"/>
        </a:defRPr>
      </a:lvl5pPr>
      <a:lvl6pPr marL="3350700" indent="-304600" algn="l" defTabSz="121845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959933" indent="-304600" algn="l" defTabSz="121845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569150" indent="-304600" algn="l" defTabSz="121845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5178367" indent="-304600" algn="l" defTabSz="121845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203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8450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7666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6898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6100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5303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4533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3751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="" xmlns:a16="http://schemas.microsoft.com/office/drawing/2014/main" id="{D4F54B7A-5BA0-43D9-B756-D756BA22431F}"/>
              </a:ext>
            </a:extLst>
          </p:cNvPr>
          <p:cNvPicPr>
            <a:picLocks noChangeAspect="1"/>
          </p:cNvPicPr>
          <p:nvPr/>
        </p:nvPicPr>
        <p:blipFill>
          <a:blip r:embed="rId16">
            <a:clrChange>
              <a:clrFrom>
                <a:srgbClr val="FFFEFC"/>
              </a:clrFrom>
              <a:clrTo>
                <a:srgbClr val="FFFEFC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39200" y="5875233"/>
            <a:ext cx="2308800" cy="726545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36333" y="188663"/>
            <a:ext cx="11519339" cy="1008111"/>
          </a:xfrm>
          <a:prstGeom prst="rect">
            <a:avLst/>
          </a:prstGeom>
        </p:spPr>
        <p:txBody>
          <a:bodyPr vert="horz" lIns="91392" tIns="45696" rIns="91392" bIns="45696" rtlCol="0" anchor="ctr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36333" y="1340783"/>
            <a:ext cx="11519339" cy="4392487"/>
          </a:xfrm>
          <a:prstGeom prst="rect">
            <a:avLst/>
          </a:prstGeom>
        </p:spPr>
        <p:txBody>
          <a:bodyPr vert="horz" lIns="91392" tIns="45696" rIns="91392" bIns="45696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44832" y="6576733"/>
            <a:ext cx="1247168" cy="212643"/>
          </a:xfrm>
          <a:prstGeom prst="rect">
            <a:avLst/>
          </a:prstGeom>
        </p:spPr>
        <p:txBody>
          <a:bodyPr vert="horz" lIns="91392" tIns="45696" rIns="91392" bIns="45696" rtlCol="0" anchor="ctr"/>
          <a:lstStyle>
            <a:lvl1pPr algn="r">
              <a:defRPr sz="1067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fld id="{4AD7133C-5F9C-4F7F-9637-3E296898A784}" type="slidenum">
              <a:rPr lang="en-GB" smtClean="0"/>
              <a:t>‹#›</a:t>
            </a:fld>
            <a:endParaRPr lang="en-GB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3"/>
          </p:nvPr>
        </p:nvSpPr>
        <p:spPr>
          <a:xfrm>
            <a:off x="336000" y="6213309"/>
            <a:ext cx="9124800" cy="414291"/>
          </a:xfrm>
          <a:prstGeom prst="rect">
            <a:avLst/>
          </a:prstGeom>
        </p:spPr>
        <p:txBody>
          <a:bodyPr vert="horz" lIns="91392" tIns="45696" rIns="91392" bIns="45696" rtlCol="0" anchor="b" anchorCtr="0"/>
          <a:lstStyle>
            <a:lvl1pPr algn="l">
              <a:defRPr sz="1067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650726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1" r:id="rId1"/>
    <p:sldLayoutId id="2147483702" r:id="rId2"/>
    <p:sldLayoutId id="2147483703" r:id="rId3"/>
    <p:sldLayoutId id="2147483704" r:id="rId4"/>
    <p:sldLayoutId id="2147483705" r:id="rId5"/>
    <p:sldLayoutId id="2147483706" r:id="rId6"/>
    <p:sldLayoutId id="2147483707" r:id="rId7"/>
    <p:sldLayoutId id="2147483708" r:id="rId8"/>
    <p:sldLayoutId id="2147483709" r:id="rId9"/>
    <p:sldLayoutId id="2147483710" r:id="rId10"/>
    <p:sldLayoutId id="2147483711" r:id="rId11"/>
    <p:sldLayoutId id="2147483712" r:id="rId12"/>
    <p:sldLayoutId id="2147483713" r:id="rId13"/>
    <p:sldLayoutId id="2147483715" r:id="rId14"/>
  </p:sldLayoutIdLst>
  <p:transition/>
  <p:hf hdr="0" ftr="0" dt="0"/>
  <p:txStyles>
    <p:titleStyle>
      <a:lvl1pPr algn="l" defTabSz="1218450" rtl="0" eaLnBrk="1" latinLnBrk="0" hangingPunct="1">
        <a:lnSpc>
          <a:spcPct val="100000"/>
        </a:lnSpc>
        <a:spcBef>
          <a:spcPct val="0"/>
        </a:spcBef>
        <a:buNone/>
        <a:defRPr sz="3200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235051" indent="-235051" algn="l" defTabSz="1218450" rtl="0" eaLnBrk="1" latinLnBrk="0" hangingPunct="1">
        <a:lnSpc>
          <a:spcPct val="100000"/>
        </a:lnSpc>
        <a:spcBef>
          <a:spcPts val="800"/>
        </a:spcBef>
        <a:buClr>
          <a:schemeClr val="accent1"/>
        </a:buClr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1pPr>
      <a:lvl2pPr marL="599633" indent="-364598" algn="l" defTabSz="1218450" rtl="0" eaLnBrk="1" latinLnBrk="0" hangingPunct="1">
        <a:lnSpc>
          <a:spcPct val="100000"/>
        </a:lnSpc>
        <a:spcBef>
          <a:spcPts val="533"/>
        </a:spcBef>
        <a:buClr>
          <a:schemeClr val="accent1"/>
        </a:buClr>
        <a:buFont typeface="Calibri" panose="020F0502020204030204" pitchFamily="34" charset="0"/>
        <a:buChar char="–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839498" indent="-235051" algn="l" defTabSz="121845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Arial" panose="020B0604020202020204" pitchFamily="34" charset="0"/>
        <a:buChar char="•"/>
        <a:defRPr sz="2133" kern="1200">
          <a:solidFill>
            <a:schemeClr val="tx2"/>
          </a:solidFill>
          <a:latin typeface="+mn-lt"/>
          <a:ea typeface="+mn-ea"/>
          <a:cs typeface="+mn-cs"/>
        </a:defRPr>
      </a:lvl3pPr>
      <a:lvl4pPr marL="1194451" indent="-354998" algn="l" defTabSz="121845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Calibri" panose="020F0502020204030204" pitchFamily="34" charset="0"/>
        <a:buChar char="–"/>
        <a:defRPr sz="2133" kern="1200">
          <a:solidFill>
            <a:schemeClr val="tx2"/>
          </a:solidFill>
          <a:latin typeface="+mn-lt"/>
          <a:ea typeface="+mn-ea"/>
          <a:cs typeface="+mn-cs"/>
        </a:defRPr>
      </a:lvl4pPr>
      <a:lvl5pPr marL="1439100" indent="-244651" algn="l" defTabSz="1218450" rtl="0" eaLnBrk="1" latinLnBrk="0" hangingPunct="1">
        <a:lnSpc>
          <a:spcPct val="100000"/>
        </a:lnSpc>
        <a:spcBef>
          <a:spcPts val="400"/>
        </a:spcBef>
        <a:buClr>
          <a:schemeClr val="accent1"/>
        </a:buClr>
        <a:buFont typeface="Arial" panose="020B0604020202020204" pitchFamily="34" charset="0"/>
        <a:buChar char="•"/>
        <a:defRPr sz="1867" kern="1200">
          <a:solidFill>
            <a:schemeClr val="tx2"/>
          </a:solidFill>
          <a:latin typeface="+mn-lt"/>
          <a:ea typeface="+mn-ea"/>
          <a:cs typeface="+mn-cs"/>
        </a:defRPr>
      </a:lvl5pPr>
      <a:lvl6pPr marL="3350700" indent="-304600" algn="l" defTabSz="121845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959933" indent="-304600" algn="l" defTabSz="121845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569150" indent="-304600" algn="l" defTabSz="121845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5178367" indent="-304600" algn="l" defTabSz="1218450" rtl="0" eaLnBrk="1" latinLnBrk="0" hangingPunct="1">
        <a:lnSpc>
          <a:spcPct val="90000"/>
        </a:lnSpc>
        <a:spcBef>
          <a:spcPts val="667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203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8450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7666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6898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6100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5303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4533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3751" algn="l" defTabSz="121845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163200"/>
            <a:ext cx="10238317" cy="9144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371602"/>
            <a:ext cx="10957984" cy="417150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3"/>
          </p:nvPr>
        </p:nvSpPr>
        <p:spPr>
          <a:xfrm>
            <a:off x="609600" y="6201600"/>
            <a:ext cx="9465600" cy="4848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2"/>
                </a:solidFill>
              </a:defRPr>
            </a:lvl1pPr>
          </a:lstStyle>
          <a:p>
            <a:pPr defTabSz="457200"/>
            <a:endParaRPr lang="en-GB">
              <a:solidFill>
                <a:srgbClr val="5A5A5A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10992544" y="6309320"/>
            <a:ext cx="589856" cy="365208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pPr defTabSz="457200"/>
            <a:fld id="{3CE978CD-8200-452B-A882-54D258D61118}" type="slidenum">
              <a:rPr lang="en-GB" smtClean="0">
                <a:solidFill>
                  <a:srgbClr val="5A5A5A"/>
                </a:solidFill>
              </a:rPr>
              <a:pPr defTabSz="457200"/>
              <a:t>‹#›</a:t>
            </a:fld>
            <a:endParaRPr lang="en-GB">
              <a:solidFill>
                <a:srgbClr val="5A5A5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920085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6" r:id="rId1"/>
    <p:sldLayoutId id="2147483747" r:id="rId2"/>
    <p:sldLayoutId id="2147483748" r:id="rId3"/>
    <p:sldLayoutId id="2147483749" r:id="rId4"/>
    <p:sldLayoutId id="2147483750" r:id="rId5"/>
    <p:sldLayoutId id="2147483751" r:id="rId6"/>
    <p:sldLayoutId id="2147483752" r:id="rId7"/>
    <p:sldLayoutId id="2147483753" r:id="rId8"/>
    <p:sldLayoutId id="2147483754" r:id="rId9"/>
    <p:sldLayoutId id="2147483755" r:id="rId10"/>
    <p:sldLayoutId id="2147483756" r:id="rId11"/>
    <p:sldLayoutId id="2147483757" r:id="rId12"/>
    <p:sldLayoutId id="2147483758" r:id="rId13"/>
    <p:sldLayoutId id="2147483759" r:id="rId14"/>
    <p:sldLayoutId id="2147483760" r:id="rId15"/>
    <p:sldLayoutId id="2147483761" r:id="rId16"/>
    <p:sldLayoutId id="2147483762" r:id="rId17"/>
    <p:sldLayoutId id="2147483763" r:id="rId18"/>
    <p:sldLayoutId id="2147483769" r:id="rId19"/>
    <p:sldLayoutId id="2147483817" r:id="rId20"/>
    <p:sldLayoutId id="2147483820" r:id="rId21"/>
    <p:sldLayoutId id="2147483840" r:id="rId22"/>
    <p:sldLayoutId id="2147483841" r:id="rId23"/>
    <p:sldLayoutId id="2147483842" r:id="rId24"/>
    <p:sldLayoutId id="2147483843" r:id="rId25"/>
    <p:sldLayoutId id="2147483844" r:id="rId26"/>
    <p:sldLayoutId id="2147483845" r:id="rId27"/>
  </p:sldLayoutIdLst>
  <p:transition/>
  <p:hf hdr="0" dt="0"/>
  <p:txStyles>
    <p:titleStyle>
      <a:lvl1pPr algn="l" defTabSz="457200" rtl="0" eaLnBrk="1" latinLnBrk="0" hangingPunct="1">
        <a:spcBef>
          <a:spcPct val="0"/>
        </a:spcBef>
        <a:buNone/>
        <a:defRPr sz="2400" kern="1200">
          <a:solidFill>
            <a:schemeClr val="accent1"/>
          </a:solidFill>
          <a:latin typeface="Arial"/>
          <a:ea typeface="+mj-ea"/>
          <a:cs typeface="+mj-cs"/>
        </a:defRPr>
      </a:lvl1pPr>
    </p:titleStyle>
    <p:bodyStyle>
      <a:lvl1pPr marL="177800" indent="-177800" algn="l" defTabSz="457200" rtl="0" eaLnBrk="1" latinLnBrk="0" hangingPunct="1">
        <a:spcBef>
          <a:spcPts val="600"/>
        </a:spcBef>
        <a:buClr>
          <a:schemeClr val="accent1"/>
        </a:buClr>
        <a:buFont typeface="Arial"/>
        <a:buChar char="•"/>
        <a:defRPr sz="1800" kern="1200">
          <a:solidFill>
            <a:srgbClr val="5A5A5A"/>
          </a:solidFill>
          <a:latin typeface="Arial"/>
          <a:ea typeface="+mn-ea"/>
          <a:cs typeface="+mn-cs"/>
        </a:defRPr>
      </a:lvl1pPr>
      <a:lvl2pPr marL="450850" indent="-273050" algn="l" defTabSz="361950" rtl="0" eaLnBrk="1" latinLnBrk="0" hangingPunct="1">
        <a:spcBef>
          <a:spcPts val="400"/>
        </a:spcBef>
        <a:buClr>
          <a:schemeClr val="accent1"/>
        </a:buClr>
        <a:buFont typeface="Arial"/>
        <a:buChar char="–"/>
        <a:tabLst>
          <a:tab pos="450850" algn="l"/>
        </a:tabLst>
        <a:defRPr sz="1800" kern="1200">
          <a:solidFill>
            <a:srgbClr val="5A5A5A"/>
          </a:solidFill>
          <a:latin typeface="Arial"/>
          <a:ea typeface="+mn-ea"/>
          <a:cs typeface="+mn-cs"/>
        </a:defRPr>
      </a:lvl2pPr>
      <a:lvl3pPr marL="628650" indent="-177800" algn="l" defTabSz="457200" rtl="0" eaLnBrk="1" latinLnBrk="0" hangingPunct="1">
        <a:spcBef>
          <a:spcPts val="300"/>
        </a:spcBef>
        <a:buClr>
          <a:schemeClr val="accent1"/>
        </a:buClr>
        <a:buFont typeface="Arial"/>
        <a:buChar char="•"/>
        <a:tabLst>
          <a:tab pos="628650" algn="l"/>
        </a:tabLst>
        <a:defRPr sz="1600" kern="1200">
          <a:solidFill>
            <a:srgbClr val="5A5A5A"/>
          </a:solidFill>
          <a:latin typeface="Arial"/>
          <a:ea typeface="+mn-ea"/>
          <a:cs typeface="+mn-cs"/>
        </a:defRPr>
      </a:lvl3pPr>
      <a:lvl4pPr marL="895350" indent="-266700" algn="l" defTabSz="457200" rtl="0" eaLnBrk="1" latinLnBrk="0" hangingPunct="1">
        <a:spcBef>
          <a:spcPts val="300"/>
        </a:spcBef>
        <a:buClr>
          <a:schemeClr val="accent1"/>
        </a:buClr>
        <a:buFont typeface="Arial"/>
        <a:buChar char="–"/>
        <a:defRPr sz="1600" kern="1200">
          <a:solidFill>
            <a:srgbClr val="5A5A5A"/>
          </a:solidFill>
          <a:latin typeface="Arial"/>
          <a:ea typeface="+mn-ea"/>
          <a:cs typeface="+mn-cs"/>
        </a:defRPr>
      </a:lvl4pPr>
      <a:lvl5pPr marL="1079500" indent="-184150" algn="l" defTabSz="457200" rtl="0" eaLnBrk="1" latinLnBrk="0" hangingPunct="1">
        <a:spcBef>
          <a:spcPts val="300"/>
        </a:spcBef>
        <a:buClr>
          <a:schemeClr val="accent1"/>
        </a:buClr>
        <a:buFont typeface="Arial"/>
        <a:buChar char="»"/>
        <a:tabLst>
          <a:tab pos="1346200" algn="l"/>
        </a:tabLst>
        <a:defRPr sz="1400" kern="1200">
          <a:solidFill>
            <a:srgbClr val="5A5A5A"/>
          </a:solidFill>
          <a:latin typeface="Arial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163200"/>
            <a:ext cx="10238317" cy="9144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en-GB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371602"/>
            <a:ext cx="10972800" cy="417150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3"/>
          </p:nvPr>
        </p:nvSpPr>
        <p:spPr>
          <a:xfrm>
            <a:off x="624000" y="6201600"/>
            <a:ext cx="9451200" cy="4848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pPr defTabSz="457189"/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10992544" y="6309320"/>
            <a:ext cx="589856" cy="365208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pPr defTabSz="457189"/>
            <a:fld id="{3CE978CD-8200-452B-A882-54D258D61118}" type="slidenum">
              <a:rPr lang="en-GB" smtClean="0"/>
              <a:pPr defTabSz="457189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246648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2" r:id="rId1"/>
    <p:sldLayoutId id="2147483793" r:id="rId2"/>
    <p:sldLayoutId id="2147483794" r:id="rId3"/>
    <p:sldLayoutId id="2147483795" r:id="rId4"/>
    <p:sldLayoutId id="2147483796" r:id="rId5"/>
    <p:sldLayoutId id="2147483797" r:id="rId6"/>
  </p:sldLayoutIdLst>
  <p:transition/>
  <p:txStyles>
    <p:titleStyle>
      <a:lvl1pPr algn="l" defTabSz="457189" rtl="0" eaLnBrk="1" latinLnBrk="0" hangingPunct="1">
        <a:spcBef>
          <a:spcPct val="0"/>
        </a:spcBef>
        <a:buNone/>
        <a:defRPr sz="2400" kern="1200">
          <a:solidFill>
            <a:schemeClr val="accent1"/>
          </a:solidFill>
          <a:latin typeface="Arial"/>
          <a:ea typeface="+mj-ea"/>
          <a:cs typeface="+mj-cs"/>
        </a:defRPr>
      </a:lvl1pPr>
    </p:titleStyle>
    <p:bodyStyle>
      <a:lvl1pPr marL="177796" indent="-177796" algn="l" defTabSz="457189" rtl="0" eaLnBrk="1" latinLnBrk="0" hangingPunct="1">
        <a:spcBef>
          <a:spcPts val="600"/>
        </a:spcBef>
        <a:buClr>
          <a:schemeClr val="accent1"/>
        </a:buClr>
        <a:buFont typeface="Arial"/>
        <a:buChar char="•"/>
        <a:defRPr sz="1800" kern="1200">
          <a:solidFill>
            <a:schemeClr val="tx2"/>
          </a:solidFill>
          <a:latin typeface="Arial"/>
          <a:ea typeface="+mn-ea"/>
          <a:cs typeface="+mn-cs"/>
        </a:defRPr>
      </a:lvl1pPr>
      <a:lvl2pPr marL="450839" indent="-273044" algn="l" defTabSz="361941" rtl="0" eaLnBrk="1" latinLnBrk="0" hangingPunct="1">
        <a:spcBef>
          <a:spcPts val="400"/>
        </a:spcBef>
        <a:buClr>
          <a:schemeClr val="accent1"/>
        </a:buClr>
        <a:buFont typeface="Arial"/>
        <a:buChar char="–"/>
        <a:tabLst>
          <a:tab pos="450839" algn="l"/>
        </a:tabLst>
        <a:defRPr sz="1800" kern="1200">
          <a:solidFill>
            <a:schemeClr val="tx2"/>
          </a:solidFill>
          <a:latin typeface="Arial"/>
          <a:ea typeface="+mn-ea"/>
          <a:cs typeface="+mn-cs"/>
        </a:defRPr>
      </a:lvl2pPr>
      <a:lvl3pPr marL="628634" indent="-177796" algn="l" defTabSz="457189" rtl="0" eaLnBrk="1" latinLnBrk="0" hangingPunct="1">
        <a:spcBef>
          <a:spcPts val="300"/>
        </a:spcBef>
        <a:buClr>
          <a:schemeClr val="accent1"/>
        </a:buClr>
        <a:buFont typeface="Arial"/>
        <a:buChar char="•"/>
        <a:tabLst>
          <a:tab pos="628634" algn="l"/>
        </a:tabLst>
        <a:defRPr sz="1500" kern="1200">
          <a:solidFill>
            <a:schemeClr val="tx2"/>
          </a:solidFill>
          <a:latin typeface="Arial"/>
          <a:ea typeface="+mn-ea"/>
          <a:cs typeface="+mn-cs"/>
        </a:defRPr>
      </a:lvl3pPr>
      <a:lvl4pPr marL="895328" indent="-266693" algn="l" defTabSz="457189" rtl="0" eaLnBrk="1" latinLnBrk="0" hangingPunct="1">
        <a:spcBef>
          <a:spcPts val="300"/>
        </a:spcBef>
        <a:buClr>
          <a:schemeClr val="accent1"/>
        </a:buClr>
        <a:buFont typeface="Arial"/>
        <a:buChar char="–"/>
        <a:defRPr sz="1500" kern="1200">
          <a:solidFill>
            <a:schemeClr val="tx2"/>
          </a:solidFill>
          <a:latin typeface="Arial"/>
          <a:ea typeface="+mn-ea"/>
          <a:cs typeface="+mn-cs"/>
        </a:defRPr>
      </a:lvl4pPr>
      <a:lvl5pPr marL="1079473" indent="-184145" algn="l" defTabSz="457189" rtl="0" eaLnBrk="1" latinLnBrk="0" hangingPunct="1">
        <a:spcBef>
          <a:spcPts val="300"/>
        </a:spcBef>
        <a:buClr>
          <a:schemeClr val="accent1"/>
        </a:buClr>
        <a:buFont typeface="Arial" panose="020B0604020202020204" pitchFamily="34" charset="0"/>
        <a:buChar char="•"/>
        <a:tabLst>
          <a:tab pos="1346166" algn="l"/>
        </a:tabLst>
        <a:defRPr sz="1350" kern="1200">
          <a:solidFill>
            <a:schemeClr val="tx2"/>
          </a:solidFill>
          <a:latin typeface="Arial"/>
          <a:ea typeface="+mn-ea"/>
          <a:cs typeface="+mn-cs"/>
        </a:defRPr>
      </a:lvl5pPr>
      <a:lvl6pPr marL="2514537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5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457189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8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2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163200"/>
            <a:ext cx="10238317" cy="9144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371601"/>
            <a:ext cx="10972800" cy="417150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3"/>
          </p:nvPr>
        </p:nvSpPr>
        <p:spPr>
          <a:xfrm>
            <a:off x="624000" y="6201600"/>
            <a:ext cx="9451200" cy="4848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67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pPr defTabSz="607635"/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10992544" y="6309320"/>
            <a:ext cx="589856" cy="365208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67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pPr defTabSz="607635"/>
            <a:fld id="{3CE978CD-8200-452B-A882-54D258D61118}" type="slidenum">
              <a:rPr lang="en-GB" smtClean="0">
                <a:solidFill>
                  <a:srgbClr val="5A5A5A">
                    <a:lumMod val="60000"/>
                    <a:lumOff val="40000"/>
                  </a:srgbClr>
                </a:solidFill>
              </a:rPr>
              <a:pPr defTabSz="607635"/>
              <a:t>‹#›</a:t>
            </a:fld>
            <a:endParaRPr lang="en-GB">
              <a:solidFill>
                <a:srgbClr val="5A5A5A">
                  <a:lumMod val="60000"/>
                  <a:lumOff val="4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752924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9" r:id="rId1"/>
    <p:sldLayoutId id="2147483800" r:id="rId2"/>
    <p:sldLayoutId id="2147483801" r:id="rId3"/>
    <p:sldLayoutId id="2147483802" r:id="rId4"/>
    <p:sldLayoutId id="2147483803" r:id="rId5"/>
  </p:sldLayoutIdLst>
  <p:transition/>
  <p:hf hdr="0" dt="0"/>
  <p:txStyles>
    <p:titleStyle>
      <a:lvl1pPr algn="l" defTabSz="607635" rtl="0" eaLnBrk="1" latinLnBrk="0" hangingPunct="1">
        <a:spcBef>
          <a:spcPct val="0"/>
        </a:spcBef>
        <a:buNone/>
        <a:defRPr sz="3200" kern="1200">
          <a:solidFill>
            <a:schemeClr val="accent1"/>
          </a:solidFill>
          <a:latin typeface="Arial"/>
          <a:ea typeface="+mj-ea"/>
          <a:cs typeface="+mj-cs"/>
        </a:defRPr>
      </a:lvl1pPr>
    </p:titleStyle>
    <p:bodyStyle>
      <a:lvl1pPr marL="236329" indent="-236329" algn="l" defTabSz="607635" rtl="0" eaLnBrk="1" latinLnBrk="0" hangingPunct="1">
        <a:spcBef>
          <a:spcPts val="800"/>
        </a:spcBef>
        <a:buClr>
          <a:schemeClr val="accent1"/>
        </a:buClr>
        <a:buFont typeface="Arial"/>
        <a:buChar char="•"/>
        <a:defRPr sz="2400" kern="1200">
          <a:solidFill>
            <a:schemeClr val="tx2"/>
          </a:solidFill>
          <a:latin typeface="Arial"/>
          <a:ea typeface="+mn-ea"/>
          <a:cs typeface="+mn-cs"/>
        </a:defRPr>
      </a:lvl1pPr>
      <a:lvl2pPr marL="599329" indent="-363082" algn="l" defTabSz="481124" rtl="0" eaLnBrk="1" latinLnBrk="0" hangingPunct="1">
        <a:spcBef>
          <a:spcPts val="533"/>
        </a:spcBef>
        <a:buClr>
          <a:schemeClr val="accent1"/>
        </a:buClr>
        <a:buFont typeface="Arial"/>
        <a:buChar char="–"/>
        <a:tabLst>
          <a:tab pos="599329" algn="l"/>
        </a:tabLst>
        <a:defRPr sz="2400" kern="1200">
          <a:solidFill>
            <a:schemeClr val="tx2"/>
          </a:solidFill>
          <a:latin typeface="Arial"/>
          <a:ea typeface="+mn-ea"/>
          <a:cs typeface="+mn-cs"/>
        </a:defRPr>
      </a:lvl2pPr>
      <a:lvl3pPr marL="835738" indent="-236329" algn="l" defTabSz="607635" rtl="0" eaLnBrk="1" latinLnBrk="0" hangingPunct="1">
        <a:spcBef>
          <a:spcPts val="400"/>
        </a:spcBef>
        <a:buClr>
          <a:schemeClr val="accent1"/>
        </a:buClr>
        <a:buFont typeface="Arial"/>
        <a:buChar char="•"/>
        <a:tabLst>
          <a:tab pos="835738" algn="l"/>
        </a:tabLst>
        <a:defRPr sz="2133" kern="1200">
          <a:solidFill>
            <a:schemeClr val="tx2"/>
          </a:solidFill>
          <a:latin typeface="Arial"/>
          <a:ea typeface="+mn-ea"/>
          <a:cs typeface="+mn-cs"/>
        </a:defRPr>
      </a:lvl3pPr>
      <a:lvl4pPr marL="1190182" indent="-354614" algn="l" defTabSz="607635" rtl="0" eaLnBrk="1" latinLnBrk="0" hangingPunct="1">
        <a:spcBef>
          <a:spcPts val="400"/>
        </a:spcBef>
        <a:buClr>
          <a:schemeClr val="accent1"/>
        </a:buClr>
        <a:buFont typeface="Arial"/>
        <a:buChar char="–"/>
        <a:defRPr sz="2133" kern="1200">
          <a:solidFill>
            <a:schemeClr val="tx2"/>
          </a:solidFill>
          <a:latin typeface="Arial"/>
          <a:ea typeface="+mn-ea"/>
          <a:cs typeface="+mn-cs"/>
        </a:defRPr>
      </a:lvl4pPr>
      <a:lvl5pPr marL="1434905" indent="-244795" algn="l" defTabSz="607635" rtl="0" eaLnBrk="1" latinLnBrk="0" hangingPunct="1">
        <a:spcBef>
          <a:spcPts val="400"/>
        </a:spcBef>
        <a:buClr>
          <a:schemeClr val="accent1"/>
        </a:buClr>
        <a:buFont typeface="Arial"/>
        <a:buChar char="»"/>
        <a:tabLst>
          <a:tab pos="1789518" algn="l"/>
        </a:tabLst>
        <a:defRPr sz="1867" kern="1200">
          <a:solidFill>
            <a:schemeClr val="tx2"/>
          </a:solidFill>
          <a:latin typeface="Arial"/>
          <a:ea typeface="+mn-ea"/>
          <a:cs typeface="+mn-cs"/>
        </a:defRPr>
      </a:lvl5pPr>
      <a:lvl6pPr marL="3342468" indent="-303816" algn="l" defTabSz="60763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50264" indent="-303816" algn="l" defTabSz="60763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57979" indent="-303816" algn="l" defTabSz="60763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65698" indent="-303816" algn="l" defTabSz="60763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763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7635" algn="l" defTabSz="60763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5510" algn="l" defTabSz="60763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3224" algn="l" defTabSz="60763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1018" algn="l" defTabSz="60763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38652" algn="l" defTabSz="60763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46292" algn="l" defTabSz="60763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54116" algn="l" defTabSz="60763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61857" algn="l" defTabSz="60763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="" xmlns:a16="http://schemas.microsoft.com/office/drawing/2014/main" id="{41720CB3-A404-4BB2-8BBD-246C503206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="" xmlns:a16="http://schemas.microsoft.com/office/drawing/2014/main" id="{FB89BA94-87C8-4AEC-A21B-896D8D406A5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="" xmlns:a16="http://schemas.microsoft.com/office/drawing/2014/main" id="{1B99E0A8-58B0-4786-87A9-FDD21B5976B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AEB159-D934-4F92-AD99-2253ED4F0472}" type="datetimeFigureOut">
              <a:rPr lang="en-US" smtClean="0"/>
              <a:t>5/25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="" xmlns:a16="http://schemas.microsoft.com/office/drawing/2014/main" id="{2A220BD1-DA15-4092-851C-3CF36694AE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="" xmlns:a16="http://schemas.microsoft.com/office/drawing/2014/main" id="{A7ACB789-A996-4A47-9284-918BB81AD8C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476D6F6-9CA1-4137-A908-1E3133800F3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8279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3" r:id="rId1"/>
    <p:sldLayoutId id="2147483824" r:id="rId2"/>
    <p:sldLayoutId id="2147483825" r:id="rId3"/>
    <p:sldLayoutId id="2147483826" r:id="rId4"/>
    <p:sldLayoutId id="2147483827" r:id="rId5"/>
    <p:sldLayoutId id="2147483828" r:id="rId6"/>
    <p:sldLayoutId id="2147483829" r:id="rId7"/>
    <p:sldLayoutId id="2147483830" r:id="rId8"/>
    <p:sldLayoutId id="2147483831" r:id="rId9"/>
    <p:sldLayoutId id="2147483832" r:id="rId10"/>
    <p:sldLayoutId id="2147483833" r:id="rId11"/>
    <p:sldLayoutId id="2147483834" r:id="rId12"/>
    <p:sldLayoutId id="2147483835" r:id="rId13"/>
    <p:sldLayoutId id="2147483836" r:id="rId14"/>
    <p:sldLayoutId id="2147483837" r:id="rId15"/>
    <p:sldLayoutId id="2147483838" r:id="rId16"/>
    <p:sldLayoutId id="2147483839" r:id="rId17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9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g"/><Relationship Id="rId1" Type="http://schemas.openxmlformats.org/officeDocument/2006/relationships/slideLayout" Target="../slideLayouts/slideLayout48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jpeg"/><Relationship Id="rId13" Type="http://schemas.openxmlformats.org/officeDocument/2006/relationships/image" Target="../media/image30.png"/><Relationship Id="rId18" Type="http://schemas.openxmlformats.org/officeDocument/2006/relationships/image" Target="../media/image33.png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24.png"/><Relationship Id="rId12" Type="http://schemas.openxmlformats.org/officeDocument/2006/relationships/image" Target="../media/image29.png"/><Relationship Id="rId17" Type="http://schemas.openxmlformats.org/officeDocument/2006/relationships/image" Target="../media/image32.png"/><Relationship Id="rId2" Type="http://schemas.openxmlformats.org/officeDocument/2006/relationships/slideLayout" Target="../slideLayouts/slideLayout54.xml"/><Relationship Id="rId16" Type="http://schemas.microsoft.com/office/2007/relationships/hdphoto" Target="../media/hdphoto2.wdp"/><Relationship Id="rId1" Type="http://schemas.openxmlformats.org/officeDocument/2006/relationships/tags" Target="../tags/tag3.xml"/><Relationship Id="rId6" Type="http://schemas.openxmlformats.org/officeDocument/2006/relationships/image" Target="../media/image23.png"/><Relationship Id="rId11" Type="http://schemas.openxmlformats.org/officeDocument/2006/relationships/image" Target="../media/image28.jpeg"/><Relationship Id="rId5" Type="http://schemas.openxmlformats.org/officeDocument/2006/relationships/image" Target="../media/image22.jpeg"/><Relationship Id="rId15" Type="http://schemas.openxmlformats.org/officeDocument/2006/relationships/image" Target="../media/image31.png"/><Relationship Id="rId10" Type="http://schemas.openxmlformats.org/officeDocument/2006/relationships/image" Target="../media/image27.png"/><Relationship Id="rId4" Type="http://schemas.openxmlformats.org/officeDocument/2006/relationships/image" Target="../media/image21.png"/><Relationship Id="rId9" Type="http://schemas.openxmlformats.org/officeDocument/2006/relationships/image" Target="../media/image26.jpeg"/><Relationship Id="rId14" Type="http://schemas.microsoft.com/office/2007/relationships/hdphoto" Target="../media/hdphoto1.wdp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8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48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48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55.xml"/><Relationship Id="rId5" Type="http://schemas.openxmlformats.org/officeDocument/2006/relationships/image" Target="../media/image40.png"/><Relationship Id="rId4" Type="http://schemas.openxmlformats.org/officeDocument/2006/relationships/image" Target="../media/image39.pn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48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4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0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ncbi.nlm.nih.gov/pubmed/?term=emprise+circulation" TargetMode="External"/><Relationship Id="rId2" Type="http://schemas.openxmlformats.org/officeDocument/2006/relationships/chart" Target="../charts/chart6.xml"/><Relationship Id="rId1" Type="http://schemas.openxmlformats.org/officeDocument/2006/relationships/slideLayout" Target="../slideLayouts/slideLayout55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48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sv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55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8.xml"/><Relationship Id="rId2" Type="http://schemas.openxmlformats.org/officeDocument/2006/relationships/chart" Target="../charts/chart7.xml"/><Relationship Id="rId1" Type="http://schemas.openxmlformats.org/officeDocument/2006/relationships/slideLayout" Target="../slideLayouts/slideLayout48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9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8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3.xml"/><Relationship Id="rId5" Type="http://schemas.openxmlformats.org/officeDocument/2006/relationships/image" Target="../media/image48.png"/><Relationship Id="rId4" Type="http://schemas.openxmlformats.org/officeDocument/2006/relationships/image" Target="../media/image47.jpeg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3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3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6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png"/><Relationship Id="rId7" Type="http://schemas.openxmlformats.org/officeDocument/2006/relationships/image" Target="../media/image15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55.xml"/><Relationship Id="rId6" Type="http://schemas.openxmlformats.org/officeDocument/2006/relationships/image" Target="../media/image14.png"/><Relationship Id="rId5" Type="http://schemas.openxmlformats.org/officeDocument/2006/relationships/image" Target="../media/image13.emf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50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4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48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5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6301629B-0BC7-491C-B38A-66EF4D449B6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Autofit/>
          </a:bodyPr>
          <a:lstStyle/>
          <a:p>
            <a:r>
              <a:rPr lang="ru-RU" sz="2800" b="1" dirty="0" smtClean="0">
                <a:solidFill>
                  <a:srgbClr val="50329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Хроническая сердечная недостаточность у больных сахарным диа</a:t>
            </a:r>
            <a:r>
              <a:rPr lang="ru-RU" sz="2800" b="1" dirty="0" smtClean="0">
                <a:solidFill>
                  <a:srgbClr val="50329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бетом 2 типа</a:t>
            </a:r>
            <a:endParaRPr lang="ru-RU" sz="2800" b="1" dirty="0">
              <a:solidFill>
                <a:srgbClr val="503291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3" name="Subtitle 2">
            <a:extLst>
              <a:ext uri="{FF2B5EF4-FFF2-40B4-BE49-F238E27FC236}">
                <a16:creationId xmlns="" xmlns:a16="http://schemas.microsoft.com/office/drawing/2014/main" id="{01FA1F80-1768-4E82-9601-D650AB6210B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627239" y="4280463"/>
            <a:ext cx="9144000" cy="866724"/>
          </a:xfrm>
        </p:spPr>
        <p:txBody>
          <a:bodyPr>
            <a:noAutofit/>
          </a:bodyPr>
          <a:lstStyle/>
          <a:p>
            <a:r>
              <a:rPr lang="ru-RU" sz="14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Шабельникова О.Ю.</a:t>
            </a:r>
          </a:p>
          <a:p>
            <a:r>
              <a:rPr lang="ru-RU" sz="14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Зав. эндокринологическим отделением ГБУЗ НСО «ГНОКБ» </a:t>
            </a:r>
          </a:p>
          <a:p>
            <a:r>
              <a:rPr lang="ru-RU" sz="14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руководитель областного эндокринологического центра</a:t>
            </a:r>
          </a:p>
          <a:p>
            <a:r>
              <a:rPr lang="ru-RU" sz="14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Главный внештатный эндокринолог МЗ Новосибирской области, к.м.н. 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="" xmlns:a16="http://schemas.microsoft.com/office/drawing/2014/main" id="{7F7CF2A5-5CAD-4123-BC2C-8F3CFC56F260}"/>
              </a:ext>
            </a:extLst>
          </p:cNvPr>
          <p:cNvSpPr/>
          <p:nvPr/>
        </p:nvSpPr>
        <p:spPr>
          <a:xfrm>
            <a:off x="3048000" y="6106456"/>
            <a:ext cx="6096000" cy="405176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lnSpc>
                <a:spcPct val="107000"/>
              </a:lnSpc>
              <a:spcAft>
                <a:spcPts val="800"/>
              </a:spcAft>
            </a:pPr>
            <a:r>
              <a:rPr lang="ru-RU" dirty="0" smtClean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26 </a:t>
            </a:r>
            <a:r>
              <a:rPr lang="ru-RU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мая 2021 г</a:t>
            </a:r>
          </a:p>
        </p:txBody>
      </p:sp>
    </p:spTree>
    <p:extLst>
      <p:ext uri="{BB962C8B-B14F-4D97-AF65-F5344CB8AC3E}">
        <p14:creationId xmlns:p14="http://schemas.microsoft.com/office/powerpoint/2010/main" val="102470483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="" xmlns:a16="http://schemas.microsoft.com/office/drawing/2014/main" id="{B0E53C97-AB78-445B-9EE4-49356D8C06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z="2400" b="1" i="0" strike="noStrike" cap="none" spc="0" baseline="0" dirty="0">
                <a:solidFill>
                  <a:schemeClr val="tx1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Заболевания почек и сердечная недостаточность:</a:t>
            </a:r>
            <a:r>
              <a:rPr sz="24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/>
            </a:r>
            <a:br>
              <a:rPr sz="24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</a:br>
            <a:r>
              <a:rPr lang="ru-RU" sz="2400" b="1" i="0" strike="noStrike" cap="none" spc="0" baseline="0" dirty="0">
                <a:solidFill>
                  <a:schemeClr val="tx1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расходы на одного болеющего пациента в США, Великобритании и Германии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="" xmlns:a16="http://schemas.microsoft.com/office/drawing/2014/main" id="{44506644-9D6D-496E-9669-9F70E6717DD0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295" t="1" b="431"/>
          <a:stretch>
            <a:fillRect/>
          </a:stretch>
        </p:blipFill>
        <p:spPr>
          <a:xfrm>
            <a:off x="1114424" y="1344323"/>
            <a:ext cx="9992655" cy="480110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7" name="Rectangle 6">
            <a:extLst>
              <a:ext uri="{FF2B5EF4-FFF2-40B4-BE49-F238E27FC236}">
                <a16:creationId xmlns="" xmlns:a16="http://schemas.microsoft.com/office/drawing/2014/main" id="{12F21B48-EB05-4388-8A3E-6FA4C60CF214}"/>
              </a:ext>
            </a:extLst>
          </p:cNvPr>
          <p:cNvSpPr/>
          <p:nvPr/>
        </p:nvSpPr>
        <p:spPr>
          <a:xfrm>
            <a:off x="125588" y="6541667"/>
            <a:ext cx="11970326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800" b="0" i="0" strike="noStrike" cap="none" spc="0" baseline="0" dirty="0" err="1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ManceurAM</a:t>
            </a:r>
            <a:r>
              <a:rPr lang="ru-RU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 et al., Curr Med Res Opin. 2020; 36: 563–570</a:t>
            </a:r>
            <a:r>
              <a:rPr lang="en-US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   </a:t>
            </a:r>
            <a:r>
              <a:rPr lang="ru-RU" sz="800" b="0" i="0" strike="noStrike" cap="none" spc="0" baseline="0" dirty="0" err="1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Kerr</a:t>
            </a:r>
            <a:r>
              <a:rPr lang="ru-RU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 M et al., </a:t>
            </a:r>
            <a:r>
              <a:rPr lang="ru-RU" sz="800" b="0" i="0" strike="noStrike" cap="none" spc="0" baseline="0" dirty="0" err="1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Nephrol</a:t>
            </a:r>
            <a:r>
              <a:rPr lang="ru-RU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lang="ru-RU" sz="800" b="0" i="0" strike="noStrike" cap="none" spc="0" baseline="0" dirty="0" err="1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Dial</a:t>
            </a:r>
            <a:r>
              <a:rPr lang="ru-RU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lang="ru-RU" sz="800" b="0" i="0" strike="noStrike" cap="none" spc="0" baseline="0" dirty="0" err="1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Transplant</a:t>
            </a:r>
            <a:r>
              <a:rPr lang="ru-RU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. 2012; 27 (suppl_3): iii73–80.</a:t>
            </a:r>
            <a:r>
              <a:rPr lang="en-US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   </a:t>
            </a:r>
            <a:r>
              <a:rPr lang="ru-RU" sz="800" b="0" i="0" strike="noStrike" cap="none" spc="0" baseline="0" dirty="0" err="1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Kähm</a:t>
            </a:r>
            <a:r>
              <a:rPr lang="ru-RU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 K et al., Diabetes Care. 2018; 41: 971–978.</a:t>
            </a:r>
            <a:r>
              <a:rPr lang="en-US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     </a:t>
            </a:r>
            <a:r>
              <a:rPr lang="ru-RU" sz="800" b="0" i="0" strike="noStrike" cap="none" spc="0" baseline="0" dirty="0" err="1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Collins</a:t>
            </a:r>
            <a:r>
              <a:rPr lang="ru-RU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 AJ et al., </a:t>
            </a:r>
            <a:r>
              <a:rPr lang="ru-RU" sz="800" b="0" i="0" strike="noStrike" cap="none" spc="0" baseline="0" dirty="0" err="1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Kidney</a:t>
            </a:r>
            <a:r>
              <a:rPr lang="ru-RU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 Int Suppl. 2015; 8: 236–242</a:t>
            </a:r>
          </a:p>
          <a:p>
            <a:r>
              <a:rPr lang="ru-RU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Taylor RS et al., Eur J </a:t>
            </a:r>
            <a:r>
              <a:rPr lang="ru-RU" sz="800" b="0" i="0" strike="noStrike" cap="none" spc="0" baseline="0" dirty="0" err="1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Prev</a:t>
            </a:r>
            <a:r>
              <a:rPr lang="ru-RU" sz="800" b="0" i="0" strike="noStrike" cap="none" spc="0" baseline="0" dirty="0">
                <a:solidFill>
                  <a:srgbClr val="5A5A5A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 Cardiol. 2019; 26: 1252–1261.</a:t>
            </a:r>
          </a:p>
        </p:txBody>
      </p:sp>
      <p:grpSp>
        <p:nvGrpSpPr>
          <p:cNvPr id="23" name="Группа 22">
            <a:extLst>
              <a:ext uri="{FF2B5EF4-FFF2-40B4-BE49-F238E27FC236}">
                <a16:creationId xmlns="" xmlns:a16="http://schemas.microsoft.com/office/drawing/2014/main" id="{34BDE88D-0DC5-43C3-B2EE-D84A77B195CC}"/>
              </a:ext>
            </a:extLst>
          </p:cNvPr>
          <p:cNvGrpSpPr/>
          <p:nvPr/>
        </p:nvGrpSpPr>
        <p:grpSpPr>
          <a:xfrm>
            <a:off x="1162050" y="1412812"/>
            <a:ext cx="9877426" cy="4539946"/>
            <a:chOff x="1162050" y="1412812"/>
            <a:chExt cx="9877426" cy="4539946"/>
          </a:xfrm>
        </p:grpSpPr>
        <p:sp>
          <p:nvSpPr>
            <p:cNvPr id="2" name="Text Box 2">
              <a:extLst>
                <a:ext uri="{FF2B5EF4-FFF2-40B4-BE49-F238E27FC236}">
                  <a16:creationId xmlns="" xmlns:a16="http://schemas.microsoft.com/office/drawing/2014/main" id="{7424AC41-E658-4CF8-AA1D-34C7B6D2F43F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162050" y="1412812"/>
              <a:ext cx="9877426" cy="807148"/>
            </a:xfrm>
            <a:prstGeom prst="rect">
              <a:avLst/>
            </a:prstGeom>
            <a:solidFill>
              <a:srgbClr val="44546A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R="0" algn="ctr" rtl="0"/>
              <a:r>
                <a:rPr lang="ru-RU" sz="2100" b="1" i="0" strike="noStrike" cap="none" spc="0" baseline="0" dirty="0">
                  <a:solidFill>
                    <a:srgbClr val="FFFFFF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Расходы на одного болеющего пациента в год</a:t>
              </a:r>
              <a:endParaRPr lang="en-US" sz="2100" b="1" i="0" u="none" strike="noStrike" dirty="0">
                <a:solidFill>
                  <a:srgbClr val="000000"/>
                </a:solidFill>
                <a:latin typeface="Verdana" pitchFamily="34" charset="0"/>
                <a:ea typeface="Verdana" pitchFamily="34" charset="0"/>
                <a:cs typeface="Verdana" pitchFamily="34" charset="0"/>
              </a:endParaRPr>
            </a:p>
          </p:txBody>
        </p:sp>
        <p:sp>
          <p:nvSpPr>
            <p:cNvPr id="4" name="Text Box 2">
              <a:extLst>
                <a:ext uri="{FF2B5EF4-FFF2-40B4-BE49-F238E27FC236}">
                  <a16:creationId xmlns="" xmlns:a16="http://schemas.microsoft.com/office/drawing/2014/main" id="{2C676B27-A969-49B9-9188-65436B5047D9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911349" y="3164960"/>
              <a:ext cx="4029075" cy="538608"/>
            </a:xfrm>
            <a:prstGeom prst="rect">
              <a:avLst/>
            </a:prstGeom>
            <a:solidFill>
              <a:srgbClr val="E6E5E5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t" anchorCtr="0">
              <a:noAutofit/>
            </a:bodyPr>
            <a:lstStyle/>
            <a:p>
              <a:pPr marR="0" algn="l" rtl="0"/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Пациент, госпитализированный по причине СН, в США (2018 г) </a:t>
              </a:r>
              <a:r>
                <a:rPr lang="ru-RU" sz="1200" b="0" i="0" strike="noStrike" cap="none" spc="0" baseline="0" dirty="0">
                  <a:solidFill>
                    <a:srgbClr val="E97C43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53 269 </a:t>
              </a:r>
              <a:r>
                <a:rPr lang="en-US" sz="1200" b="0" i="0" strike="noStrike" cap="none" spc="0" baseline="0" dirty="0">
                  <a:solidFill>
                    <a:srgbClr val="E97C43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$ </a:t>
              </a:r>
              <a:r>
                <a:rPr lang="ru-RU" sz="1200" b="0" i="0" strike="noStrike" cap="none" spc="0" baseline="0" dirty="0" smtClean="0">
                  <a:solidFill>
                    <a:srgbClr val="E97C43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США</a:t>
              </a:r>
              <a:endParaRPr lang="en-US" sz="1200" b="0" i="0" u="none" strike="noStrike" dirty="0">
                <a:solidFill>
                  <a:srgbClr val="000000"/>
                </a:solidFill>
                <a:latin typeface="Verdana" pitchFamily="34" charset="0"/>
                <a:ea typeface="Verdana" pitchFamily="34" charset="0"/>
                <a:cs typeface="Verdana" pitchFamily="34" charset="0"/>
              </a:endParaRPr>
            </a:p>
          </p:txBody>
        </p:sp>
        <p:sp>
          <p:nvSpPr>
            <p:cNvPr id="12" name="Text Box 2">
              <a:extLst>
                <a:ext uri="{FF2B5EF4-FFF2-40B4-BE49-F238E27FC236}">
                  <a16:creationId xmlns="" xmlns:a16="http://schemas.microsoft.com/office/drawing/2014/main" id="{16732CD9-73C1-4EC5-8509-B25FA9B7E59F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911350" y="4011028"/>
              <a:ext cx="4029076" cy="830298"/>
            </a:xfrm>
            <a:prstGeom prst="rect">
              <a:avLst/>
            </a:prstGeom>
            <a:solidFill>
              <a:srgbClr val="E6E5E5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t" anchorCtr="0">
              <a:noAutofit/>
            </a:bodyPr>
            <a:lstStyle/>
            <a:p>
              <a:pPr marR="0" algn="l" rtl="0"/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Пациент, госпитализированный по причине СН, по данным Национальной службы здравоохранения Великобритании </a:t>
              </a:r>
              <a:r>
                <a:rPr lang="ru-RU" sz="1200" b="0" i="0" strike="noStrike" cap="none" spc="0" baseline="0" dirty="0" smtClean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 </a:t>
              </a: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(2015–2016 </a:t>
              </a:r>
              <a:r>
                <a:rPr lang="ru-RU" sz="1200" b="0" i="0" strike="noStrike" cap="none" spc="0" baseline="0" dirty="0" err="1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гг</a:t>
              </a: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)</a:t>
              </a:r>
            </a:p>
            <a:p>
              <a:pPr marR="0" algn="l" rtl="0"/>
              <a:r>
                <a:rPr lang="ru-RU" sz="1200" b="0" i="0" strike="noStrike" cap="none" spc="0" baseline="0" dirty="0">
                  <a:solidFill>
                    <a:srgbClr val="E97C43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3873 фунтов стерлингов на каждое событие в виде госпитализации по причине СН</a:t>
              </a:r>
              <a:endParaRPr lang="en-US" sz="1200" b="0" i="0" u="none" strike="noStrike" dirty="0">
                <a:solidFill>
                  <a:srgbClr val="000000"/>
                </a:solidFill>
                <a:latin typeface="Verdana" pitchFamily="34" charset="0"/>
                <a:ea typeface="Verdana" pitchFamily="34" charset="0"/>
                <a:cs typeface="Verdana" pitchFamily="34" charset="0"/>
              </a:endParaRPr>
            </a:p>
          </p:txBody>
        </p:sp>
        <p:sp>
          <p:nvSpPr>
            <p:cNvPr id="14" name="Text Box 2">
              <a:extLst>
                <a:ext uri="{FF2B5EF4-FFF2-40B4-BE49-F238E27FC236}">
                  <a16:creationId xmlns="" xmlns:a16="http://schemas.microsoft.com/office/drawing/2014/main" id="{58C40B5A-4164-430A-8825-C444B79F070E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911351" y="5418859"/>
              <a:ext cx="3260724" cy="533899"/>
            </a:xfrm>
            <a:prstGeom prst="rect">
              <a:avLst/>
            </a:prstGeom>
            <a:solidFill>
              <a:srgbClr val="E6E5E5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t" anchorCtr="0">
              <a:noAutofit/>
            </a:bodyPr>
            <a:lstStyle/>
            <a:p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Пациент мужского пола в Германии в возрасте 60–69 лет с СД2 и </a:t>
              </a:r>
              <a:r>
                <a:rPr lang="ru-RU" sz="1200" dirty="0">
                  <a:solidFill>
                    <a:srgbClr val="000000"/>
                  </a:solidFill>
                  <a:latin typeface="Verdana" pitchFamily="34" charset="0"/>
                  <a:ea typeface="Verdana" pitchFamily="34" charset="0"/>
                  <a:cs typeface="Verdana" pitchFamily="34" charset="0"/>
                </a:rPr>
                <a:t>Х</a:t>
              </a: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СН </a:t>
              </a:r>
              <a:endParaRPr lang="ru-RU" sz="1200" b="0" i="0" strike="noStrike" cap="none" spc="0" baseline="0" dirty="0" smtClean="0">
                <a:solidFill>
                  <a:srgbClr val="000000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endParaRPr>
            </a:p>
            <a:p>
              <a:r>
                <a:rPr lang="ru-RU" sz="1200" b="0" i="0" strike="noStrike" cap="none" spc="0" baseline="0" dirty="0" smtClean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(</a:t>
              </a: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2013–2015 </a:t>
              </a:r>
              <a:r>
                <a:rPr lang="ru-RU" sz="1200" b="0" i="0" strike="noStrike" cap="none" spc="0" baseline="0" dirty="0" err="1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гг</a:t>
              </a: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) </a:t>
              </a:r>
              <a:r>
                <a:rPr lang="ru-RU" sz="1200" b="0" i="0" strike="noStrike" cap="none" spc="0" baseline="0" dirty="0">
                  <a:solidFill>
                    <a:srgbClr val="E97C43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3912 </a:t>
              </a:r>
              <a:r>
                <a:rPr lang="en-US" sz="1200" b="1" dirty="0">
                  <a:latin typeface="Verdana" pitchFamily="34" charset="0"/>
                  <a:ea typeface="Verdana" pitchFamily="34" charset="0"/>
                  <a:cs typeface="Verdana" pitchFamily="34" charset="0"/>
                </a:rPr>
                <a:t> </a:t>
              </a:r>
              <a:r>
                <a:rPr lang="en-US" sz="1200" dirty="0">
                  <a:solidFill>
                    <a:srgbClr val="E97C43"/>
                  </a:solidFill>
                  <a:latin typeface="Verdana" pitchFamily="34" charset="0"/>
                  <a:ea typeface="Verdana" pitchFamily="34" charset="0"/>
                  <a:cs typeface="Verdana" pitchFamily="34" charset="0"/>
                </a:rPr>
                <a:t>€</a:t>
              </a:r>
            </a:p>
          </p:txBody>
        </p:sp>
        <p:sp>
          <p:nvSpPr>
            <p:cNvPr id="18" name="Text Box 2">
              <a:extLst>
                <a:ext uri="{FF2B5EF4-FFF2-40B4-BE49-F238E27FC236}">
                  <a16:creationId xmlns="" xmlns:a16="http://schemas.microsoft.com/office/drawing/2014/main" id="{3468494D-7C8A-42DE-B3FB-42AA418EF56D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6737349" y="2861460"/>
              <a:ext cx="4084640" cy="1149568"/>
            </a:xfrm>
            <a:prstGeom prst="rect">
              <a:avLst/>
            </a:prstGeom>
            <a:solidFill>
              <a:srgbClr val="E6E5E5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t" anchorCtr="0">
              <a:noAutofit/>
            </a:bodyPr>
            <a:lstStyle/>
            <a:p>
              <a:pPr marR="0" algn="l" rtl="0"/>
              <a:endParaRPr lang="en-US" sz="1200" b="0" i="0" strike="noStrike" cap="none" spc="0" baseline="0" dirty="0">
                <a:solidFill>
                  <a:srgbClr val="000000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endParaRPr>
            </a:p>
            <a:p>
              <a:pPr marR="0" algn="l" rtl="0"/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Пациент в США, </a:t>
              </a:r>
              <a:r>
                <a:rPr lang="ru-RU" sz="1200" b="0" i="0" strike="noStrike" cap="none" spc="0" baseline="0" dirty="0" smtClean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госпитализированный </a:t>
              </a:r>
              <a:r>
                <a:rPr lang="ru-RU" sz="1200" dirty="0" smtClean="0">
                  <a:solidFill>
                    <a:srgbClr val="000000"/>
                  </a:solidFill>
                  <a:latin typeface="Verdana" pitchFamily="34" charset="0"/>
                  <a:ea typeface="Verdana" pitchFamily="34" charset="0"/>
                  <a:cs typeface="Verdana" pitchFamily="34" charset="0"/>
                </a:rPr>
                <a:t>с</a:t>
              </a:r>
              <a:r>
                <a:rPr lang="ru-RU" sz="1200" b="0" i="0" strike="noStrike" cap="none" spc="0" baseline="0" dirty="0" smtClean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:</a:t>
              </a:r>
              <a:endParaRPr lang="ru-RU" sz="1200" b="0" i="0" strike="noStrike" cap="none" spc="0" baseline="0" dirty="0">
                <a:solidFill>
                  <a:srgbClr val="000000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endParaRPr>
            </a:p>
            <a:p>
              <a:pPr marR="0" algn="l" rtl="0">
                <a:tabLst>
                  <a:tab pos="266700" algn="l"/>
                </a:tabLst>
              </a:pP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•	</a:t>
              </a:r>
              <a:r>
                <a:rPr lang="ru-RU" sz="1200" b="0" i="0" strike="noStrike" cap="none" spc="0" baseline="0" dirty="0" smtClean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Терминальной стадией</a:t>
              </a:r>
              <a:r>
                <a:rPr lang="ru-RU" sz="1200" b="0" i="0" strike="noStrike" cap="none" spc="0" dirty="0" smtClean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 ХБП</a:t>
              </a:r>
              <a:r>
                <a:rPr lang="ru-RU" sz="1200" b="0" i="0" strike="noStrike" cap="none" spc="0" baseline="0" dirty="0" smtClean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 </a:t>
              </a: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(2018 г) </a:t>
              </a:r>
              <a:r>
                <a:rPr lang="ru-RU" sz="1200" b="0" i="0" strike="noStrike" cap="none" spc="0" baseline="0" dirty="0">
                  <a:solidFill>
                    <a:srgbClr val="419665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104 932 </a:t>
              </a:r>
              <a:r>
                <a:rPr lang="en-US" sz="1200" b="0" i="0" strike="noStrike" cap="none" spc="0" baseline="0" dirty="0">
                  <a:solidFill>
                    <a:srgbClr val="419665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$ </a:t>
              </a:r>
              <a:r>
                <a:rPr lang="ru-RU" sz="1200" b="0" i="0" strike="noStrike" cap="none" spc="0" baseline="0" dirty="0">
                  <a:solidFill>
                    <a:srgbClr val="419665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США</a:t>
              </a:r>
              <a:endParaRPr lang="en-US" sz="1200" b="0" i="0" u="none" strike="noStrike" dirty="0">
                <a:solidFill>
                  <a:srgbClr val="000000"/>
                </a:solidFill>
                <a:latin typeface="Verdana" pitchFamily="34" charset="0"/>
                <a:ea typeface="Verdana" pitchFamily="34" charset="0"/>
                <a:cs typeface="Verdana" pitchFamily="34" charset="0"/>
              </a:endParaRPr>
            </a:p>
            <a:p>
              <a:pPr marR="0" algn="l" rtl="0">
                <a:lnSpc>
                  <a:spcPct val="150000"/>
                </a:lnSpc>
                <a:tabLst>
                  <a:tab pos="266700" algn="l"/>
                </a:tabLst>
              </a:pP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	</a:t>
              </a:r>
              <a:endParaRPr lang="en-US" sz="1200" b="0" i="0" u="none" strike="noStrike" dirty="0">
                <a:solidFill>
                  <a:srgbClr val="000000"/>
                </a:solidFill>
                <a:latin typeface="Verdana" pitchFamily="34" charset="0"/>
                <a:ea typeface="Verdana" pitchFamily="34" charset="0"/>
                <a:cs typeface="Verdana" pitchFamily="34" charset="0"/>
              </a:endParaRPr>
            </a:p>
          </p:txBody>
        </p:sp>
        <p:sp>
          <p:nvSpPr>
            <p:cNvPr id="20" name="Text Box 2">
              <a:extLst>
                <a:ext uri="{FF2B5EF4-FFF2-40B4-BE49-F238E27FC236}">
                  <a16:creationId xmlns="" xmlns:a16="http://schemas.microsoft.com/office/drawing/2014/main" id="{075B6088-E1A2-41D9-98B5-39C497C6F546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6792914" y="4011028"/>
              <a:ext cx="4055003" cy="1341152"/>
            </a:xfrm>
            <a:prstGeom prst="rect">
              <a:avLst/>
            </a:prstGeom>
            <a:solidFill>
              <a:srgbClr val="E6E5E5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t" anchorCtr="0">
              <a:noAutofit/>
            </a:bodyPr>
            <a:lstStyle/>
            <a:p>
              <a:pPr marR="0" algn="l" rtl="0"/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Пациент в Великобритании (по данным NHS</a:t>
              </a:r>
              <a:r>
                <a:rPr lang="ru-RU" sz="1200" dirty="0">
                  <a:solidFill>
                    <a:srgbClr val="000000"/>
                  </a:solidFill>
                  <a:latin typeface="Verdana" pitchFamily="34" charset="0"/>
                  <a:ea typeface="Verdana" pitchFamily="34" charset="0"/>
                  <a:cs typeface="Verdana" pitchFamily="34" charset="0"/>
                </a:rPr>
                <a:t>)</a:t>
              </a:r>
              <a:endParaRPr lang="ru-RU" sz="1200" b="0" i="0" strike="noStrike" cap="none" spc="0" baseline="0" dirty="0">
                <a:solidFill>
                  <a:srgbClr val="000000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endParaRPr>
            </a:p>
            <a:p>
              <a:pPr marR="0" algn="l" rtl="0">
                <a:tabLst>
                  <a:tab pos="266700" algn="l"/>
                </a:tabLst>
              </a:pP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• с ХБП (2009–2010 </a:t>
              </a:r>
              <a:r>
                <a:rPr lang="ru-RU" sz="1200" b="0" i="0" strike="noStrike" cap="none" spc="0" baseline="0" dirty="0" err="1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гг</a:t>
              </a: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) </a:t>
              </a:r>
              <a:r>
                <a:rPr lang="ru-RU" sz="1200" b="0" i="0" strike="noStrike" cap="none" spc="0" baseline="0" dirty="0">
                  <a:solidFill>
                    <a:srgbClr val="419665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795 фунтов стерлингов</a:t>
              </a:r>
              <a:endParaRPr lang="ru-RU" sz="1200" dirty="0">
                <a:solidFill>
                  <a:srgbClr val="000000"/>
                </a:solidFill>
                <a:latin typeface="Verdana" pitchFamily="34" charset="0"/>
                <a:ea typeface="Verdana" pitchFamily="34" charset="0"/>
                <a:cs typeface="Verdana" pitchFamily="34" charset="0"/>
              </a:endParaRPr>
            </a:p>
            <a:p>
              <a:pPr marL="171450" marR="0" indent="-171450" algn="l" rtl="0">
                <a:buFont typeface="Arial" panose="020B0604020202020204" pitchFamily="34" charset="0"/>
                <a:buChar char="•"/>
                <a:tabLst>
                  <a:tab pos="266700" algn="l"/>
                </a:tabLst>
              </a:pP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на диализе (2009–2010 </a:t>
              </a:r>
              <a:r>
                <a:rPr lang="ru-RU" sz="1200" b="0" i="0" strike="noStrike" cap="none" spc="0" baseline="0" dirty="0" err="1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гг</a:t>
              </a: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) </a:t>
              </a:r>
              <a:r>
                <a:rPr lang="ru-RU" sz="1200" b="0" i="0" strike="noStrike" cap="none" spc="0" baseline="0" dirty="0">
                  <a:solidFill>
                    <a:srgbClr val="419665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27 000 фунтов стерлингов</a:t>
              </a:r>
              <a:endParaRPr lang="en-US" sz="1200" b="0" i="0" u="none" strike="noStrike" dirty="0">
                <a:solidFill>
                  <a:srgbClr val="000000"/>
                </a:solidFill>
                <a:latin typeface="Verdana" pitchFamily="34" charset="0"/>
                <a:ea typeface="Verdana" pitchFamily="34" charset="0"/>
                <a:cs typeface="Verdana" pitchFamily="34" charset="0"/>
              </a:endParaRPr>
            </a:p>
          </p:txBody>
        </p:sp>
        <p:sp>
          <p:nvSpPr>
            <p:cNvPr id="22" name="Text Box 2">
              <a:extLst>
                <a:ext uri="{FF2B5EF4-FFF2-40B4-BE49-F238E27FC236}">
                  <a16:creationId xmlns="" xmlns:a16="http://schemas.microsoft.com/office/drawing/2014/main" id="{0A05B765-D1E3-4F72-A713-9A7D216C4F71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6792914" y="5352180"/>
              <a:ext cx="4087548" cy="600578"/>
            </a:xfrm>
            <a:prstGeom prst="rect">
              <a:avLst/>
            </a:prstGeom>
            <a:solidFill>
              <a:srgbClr val="E6E5E5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t" anchorCtr="0">
              <a:noAutofit/>
            </a:bodyPr>
            <a:lstStyle/>
            <a:p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Пациент мужского пола в Германии в возрасте 60–69 лет с СД2 и терминальной стадией хронической почечной недостаточности (2013–2015 </a:t>
              </a:r>
              <a:r>
                <a:rPr lang="ru-RU" sz="1200" b="0" i="0" strike="noStrike" cap="none" spc="0" baseline="0" dirty="0" err="1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гг</a:t>
              </a:r>
              <a:r>
                <a:rPr lang="ru-RU" sz="1200" b="0" i="0" strike="noStrike" cap="none" spc="0" baseline="0" dirty="0">
                  <a:solidFill>
                    <a:srgbClr val="000000"/>
                  </a:solidFill>
                  <a:effectLst/>
                  <a:latin typeface="Verdana" pitchFamily="34" charset="0"/>
                  <a:ea typeface="Verdana" pitchFamily="34" charset="0"/>
                  <a:cs typeface="Verdana" pitchFamily="34" charset="0"/>
                </a:rPr>
                <a:t>) </a:t>
              </a:r>
              <a:r>
                <a:rPr lang="ru-RU" sz="1200" dirty="0">
                  <a:solidFill>
                    <a:srgbClr val="419665"/>
                  </a:solidFill>
                  <a:latin typeface="Verdana" pitchFamily="34" charset="0"/>
                  <a:ea typeface="Verdana" pitchFamily="34" charset="0"/>
                  <a:cs typeface="Verdana" pitchFamily="34" charset="0"/>
                </a:rPr>
                <a:t>22 691 </a:t>
              </a:r>
              <a:r>
                <a:rPr lang="en-US" sz="1200" dirty="0">
                  <a:solidFill>
                    <a:srgbClr val="419665"/>
                  </a:solidFill>
                  <a:latin typeface="Verdana" pitchFamily="34" charset="0"/>
                  <a:ea typeface="Verdana" pitchFamily="34" charset="0"/>
                  <a:cs typeface="Verdana" pitchFamily="34" charset="0"/>
                </a:rPr>
                <a:t> €</a:t>
              </a:r>
            </a:p>
          </p:txBody>
        </p:sp>
      </p:grpSp>
      <p:sp>
        <p:nvSpPr>
          <p:cNvPr id="13" name="Прямоугольник 12">
            <a:extLst>
              <a:ext uri="{FF2B5EF4-FFF2-40B4-BE49-F238E27FC236}">
                <a16:creationId xmlns="" xmlns:a16="http://schemas.microsoft.com/office/drawing/2014/main" id="{E1D9C9DF-2096-4708-88B5-6D6EEC4D22A2}"/>
              </a:ext>
            </a:extLst>
          </p:cNvPr>
          <p:cNvSpPr/>
          <p:nvPr/>
        </p:nvSpPr>
        <p:spPr>
          <a:xfrm>
            <a:off x="223223" y="6253153"/>
            <a:ext cx="11534207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defTabSz="609570">
              <a:spcBef>
                <a:spcPct val="0"/>
              </a:spcBef>
              <a:spcAft>
                <a:spcPct val="0"/>
              </a:spcAft>
              <a:defRPr/>
            </a:pPr>
            <a:r>
              <a:rPr lang="ru-RU" sz="800" dirty="0">
                <a:solidFill>
                  <a:srgbClr val="5A5A5A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Д2 – сахарный диабет 2 типа; ХСН – хроническая сердечная недостаточность; ХБП – хроническая болезнь почек</a:t>
            </a:r>
          </a:p>
        </p:txBody>
      </p:sp>
    </p:spTree>
    <p:extLst>
      <p:ext uri="{BB962C8B-B14F-4D97-AF65-F5344CB8AC3E}">
        <p14:creationId xmlns:p14="http://schemas.microsoft.com/office/powerpoint/2010/main" val="346775685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1524001" y="6489972"/>
            <a:ext cx="4445" cy="33655"/>
          </a:xfrm>
          <a:custGeom>
            <a:avLst/>
            <a:gdLst/>
            <a:ahLst/>
            <a:cxnLst/>
            <a:rect l="l" t="t" r="r" b="b"/>
            <a:pathLst>
              <a:path w="4445" h="33654">
                <a:moveTo>
                  <a:pt x="0" y="0"/>
                </a:moveTo>
                <a:lnTo>
                  <a:pt x="0" y="33449"/>
                </a:lnTo>
                <a:lnTo>
                  <a:pt x="3951" y="33300"/>
                </a:lnTo>
                <a:lnTo>
                  <a:pt x="3272" y="21233"/>
                </a:lnTo>
                <a:lnTo>
                  <a:pt x="1791" y="9241"/>
                </a:lnTo>
                <a:lnTo>
                  <a:pt x="0" y="0"/>
                </a:lnTo>
                <a:close/>
              </a:path>
            </a:pathLst>
          </a:custGeom>
          <a:solidFill>
            <a:srgbClr val="ED1C24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10591011" y="6315299"/>
            <a:ext cx="77470" cy="189230"/>
          </a:xfrm>
          <a:custGeom>
            <a:avLst/>
            <a:gdLst/>
            <a:ahLst/>
            <a:cxnLst/>
            <a:rect l="l" t="t" r="r" b="b"/>
            <a:pathLst>
              <a:path w="77470" h="189229">
                <a:moveTo>
                  <a:pt x="48404" y="13048"/>
                </a:moveTo>
                <a:lnTo>
                  <a:pt x="43153" y="23675"/>
                </a:lnTo>
                <a:lnTo>
                  <a:pt x="39082" y="33742"/>
                </a:lnTo>
                <a:lnTo>
                  <a:pt x="35672" y="43477"/>
                </a:lnTo>
                <a:lnTo>
                  <a:pt x="32403" y="53108"/>
                </a:lnTo>
                <a:lnTo>
                  <a:pt x="28756" y="62865"/>
                </a:lnTo>
                <a:lnTo>
                  <a:pt x="24212" y="72973"/>
                </a:lnTo>
                <a:lnTo>
                  <a:pt x="18250" y="83663"/>
                </a:lnTo>
                <a:lnTo>
                  <a:pt x="10353" y="95161"/>
                </a:lnTo>
                <a:lnTo>
                  <a:pt x="0" y="107697"/>
                </a:lnTo>
                <a:lnTo>
                  <a:pt x="6880" y="108811"/>
                </a:lnTo>
                <a:lnTo>
                  <a:pt x="36224" y="131108"/>
                </a:lnTo>
                <a:lnTo>
                  <a:pt x="35470" y="139019"/>
                </a:lnTo>
                <a:lnTo>
                  <a:pt x="32058" y="148584"/>
                </a:lnTo>
                <a:lnTo>
                  <a:pt x="25598" y="159974"/>
                </a:lnTo>
                <a:lnTo>
                  <a:pt x="15698" y="173358"/>
                </a:lnTo>
                <a:lnTo>
                  <a:pt x="1966" y="188909"/>
                </a:lnTo>
                <a:lnTo>
                  <a:pt x="11643" y="181323"/>
                </a:lnTo>
                <a:lnTo>
                  <a:pt x="41273" y="156100"/>
                </a:lnTo>
                <a:lnTo>
                  <a:pt x="76987" y="123883"/>
                </a:lnTo>
                <a:lnTo>
                  <a:pt x="76987" y="54939"/>
                </a:lnTo>
                <a:lnTo>
                  <a:pt x="61972" y="54939"/>
                </a:lnTo>
                <a:lnTo>
                  <a:pt x="56567" y="48732"/>
                </a:lnTo>
                <a:lnTo>
                  <a:pt x="69940" y="18214"/>
                </a:lnTo>
                <a:lnTo>
                  <a:pt x="53894" y="18214"/>
                </a:lnTo>
                <a:lnTo>
                  <a:pt x="50961" y="17678"/>
                </a:lnTo>
                <a:lnTo>
                  <a:pt x="48960" y="15030"/>
                </a:lnTo>
                <a:lnTo>
                  <a:pt x="48404" y="13048"/>
                </a:lnTo>
                <a:close/>
              </a:path>
              <a:path w="77470" h="189229">
                <a:moveTo>
                  <a:pt x="76987" y="38360"/>
                </a:moveTo>
                <a:lnTo>
                  <a:pt x="70588" y="44738"/>
                </a:lnTo>
                <a:lnTo>
                  <a:pt x="61972" y="54939"/>
                </a:lnTo>
                <a:lnTo>
                  <a:pt x="76987" y="54939"/>
                </a:lnTo>
                <a:lnTo>
                  <a:pt x="76987" y="38360"/>
                </a:lnTo>
                <a:close/>
              </a:path>
              <a:path w="77470" h="189229">
                <a:moveTo>
                  <a:pt x="76900" y="0"/>
                </a:moveTo>
                <a:lnTo>
                  <a:pt x="53894" y="18214"/>
                </a:lnTo>
                <a:lnTo>
                  <a:pt x="69940" y="18214"/>
                </a:lnTo>
                <a:lnTo>
                  <a:pt x="76987" y="10828"/>
                </a:lnTo>
                <a:lnTo>
                  <a:pt x="76900" y="0"/>
                </a:lnTo>
                <a:close/>
              </a:path>
            </a:pathLst>
          </a:custGeom>
          <a:solidFill>
            <a:srgbClr val="ED1C24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4" name="object 4"/>
          <p:cNvSpPr/>
          <p:nvPr/>
        </p:nvSpPr>
        <p:spPr>
          <a:xfrm>
            <a:off x="9596020" y="6535645"/>
            <a:ext cx="25400" cy="16510"/>
          </a:xfrm>
          <a:custGeom>
            <a:avLst/>
            <a:gdLst/>
            <a:ahLst/>
            <a:cxnLst/>
            <a:rect l="l" t="t" r="r" b="b"/>
            <a:pathLst>
              <a:path w="25400" h="16509">
                <a:moveTo>
                  <a:pt x="25366" y="0"/>
                </a:moveTo>
                <a:lnTo>
                  <a:pt x="21923" y="1975"/>
                </a:lnTo>
                <a:lnTo>
                  <a:pt x="14231" y="6910"/>
                </a:lnTo>
                <a:lnTo>
                  <a:pt x="0" y="16347"/>
                </a:lnTo>
                <a:lnTo>
                  <a:pt x="4500" y="16347"/>
                </a:lnTo>
                <a:lnTo>
                  <a:pt x="14741" y="8702"/>
                </a:lnTo>
                <a:lnTo>
                  <a:pt x="21322" y="3675"/>
                </a:lnTo>
                <a:lnTo>
                  <a:pt x="25015" y="670"/>
                </a:lnTo>
                <a:lnTo>
                  <a:pt x="25366" y="0"/>
                </a:lnTo>
                <a:close/>
              </a:path>
            </a:pathLst>
          </a:custGeom>
          <a:solidFill>
            <a:srgbClr val="C3C8C8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5" name="object 5"/>
          <p:cNvSpPr/>
          <p:nvPr/>
        </p:nvSpPr>
        <p:spPr>
          <a:xfrm>
            <a:off x="9329539" y="6267319"/>
            <a:ext cx="98425" cy="66040"/>
          </a:xfrm>
          <a:custGeom>
            <a:avLst/>
            <a:gdLst/>
            <a:ahLst/>
            <a:cxnLst/>
            <a:rect l="l" t="t" r="r" b="b"/>
            <a:pathLst>
              <a:path w="98425" h="66039">
                <a:moveTo>
                  <a:pt x="92239" y="0"/>
                </a:moveTo>
                <a:lnTo>
                  <a:pt x="55965" y="20992"/>
                </a:lnTo>
                <a:lnTo>
                  <a:pt x="34329" y="39372"/>
                </a:lnTo>
                <a:lnTo>
                  <a:pt x="23551" y="48374"/>
                </a:lnTo>
                <a:lnTo>
                  <a:pt x="13073" y="56494"/>
                </a:lnTo>
                <a:lnTo>
                  <a:pt x="3168" y="63102"/>
                </a:lnTo>
                <a:lnTo>
                  <a:pt x="0" y="64884"/>
                </a:lnTo>
                <a:lnTo>
                  <a:pt x="9081" y="65985"/>
                </a:lnTo>
                <a:lnTo>
                  <a:pt x="50299" y="47754"/>
                </a:lnTo>
                <a:lnTo>
                  <a:pt x="80970" y="20586"/>
                </a:lnTo>
                <a:lnTo>
                  <a:pt x="98420" y="1553"/>
                </a:lnTo>
                <a:lnTo>
                  <a:pt x="92239" y="0"/>
                </a:lnTo>
                <a:close/>
              </a:path>
            </a:pathLst>
          </a:custGeom>
          <a:solidFill>
            <a:srgbClr val="C3C8C8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6" name="object 6"/>
          <p:cNvSpPr/>
          <p:nvPr/>
        </p:nvSpPr>
        <p:spPr>
          <a:xfrm>
            <a:off x="9609056" y="6064174"/>
            <a:ext cx="73660" cy="42545"/>
          </a:xfrm>
          <a:custGeom>
            <a:avLst/>
            <a:gdLst/>
            <a:ahLst/>
            <a:cxnLst/>
            <a:rect l="l" t="t" r="r" b="b"/>
            <a:pathLst>
              <a:path w="73659" h="42545">
                <a:moveTo>
                  <a:pt x="58583" y="0"/>
                </a:moveTo>
                <a:lnTo>
                  <a:pt x="13188" y="15229"/>
                </a:lnTo>
                <a:lnTo>
                  <a:pt x="0" y="42047"/>
                </a:lnTo>
                <a:lnTo>
                  <a:pt x="13652" y="34849"/>
                </a:lnTo>
                <a:lnTo>
                  <a:pt x="27242" y="29429"/>
                </a:lnTo>
                <a:lnTo>
                  <a:pt x="69002" y="9781"/>
                </a:lnTo>
                <a:lnTo>
                  <a:pt x="73296" y="1436"/>
                </a:lnTo>
                <a:lnTo>
                  <a:pt x="58583" y="0"/>
                </a:lnTo>
                <a:close/>
              </a:path>
            </a:pathLst>
          </a:custGeom>
          <a:solidFill>
            <a:srgbClr val="C3C8C8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7" name="object 7"/>
          <p:cNvSpPr/>
          <p:nvPr/>
        </p:nvSpPr>
        <p:spPr>
          <a:xfrm>
            <a:off x="9678197" y="5960015"/>
            <a:ext cx="47625" cy="62230"/>
          </a:xfrm>
          <a:custGeom>
            <a:avLst/>
            <a:gdLst/>
            <a:ahLst/>
            <a:cxnLst/>
            <a:rect l="l" t="t" r="r" b="b"/>
            <a:pathLst>
              <a:path w="47625" h="62229">
                <a:moveTo>
                  <a:pt x="43795" y="0"/>
                </a:moveTo>
                <a:lnTo>
                  <a:pt x="32258" y="7269"/>
                </a:lnTo>
                <a:lnTo>
                  <a:pt x="24730" y="14650"/>
                </a:lnTo>
                <a:lnTo>
                  <a:pt x="18865" y="22342"/>
                </a:lnTo>
                <a:lnTo>
                  <a:pt x="12319" y="30545"/>
                </a:lnTo>
                <a:lnTo>
                  <a:pt x="2745" y="39458"/>
                </a:lnTo>
                <a:lnTo>
                  <a:pt x="0" y="41534"/>
                </a:lnTo>
                <a:lnTo>
                  <a:pt x="16624" y="61981"/>
                </a:lnTo>
                <a:lnTo>
                  <a:pt x="21942" y="52853"/>
                </a:lnTo>
                <a:lnTo>
                  <a:pt x="28775" y="43488"/>
                </a:lnTo>
                <a:lnTo>
                  <a:pt x="35926" y="34081"/>
                </a:lnTo>
                <a:lnTo>
                  <a:pt x="42201" y="24832"/>
                </a:lnTo>
                <a:lnTo>
                  <a:pt x="46401" y="15937"/>
                </a:lnTo>
                <a:lnTo>
                  <a:pt x="47331" y="7594"/>
                </a:lnTo>
                <a:lnTo>
                  <a:pt x="43795" y="0"/>
                </a:lnTo>
                <a:close/>
              </a:path>
            </a:pathLst>
          </a:custGeom>
          <a:solidFill>
            <a:srgbClr val="C3C8C8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8" name="object 8"/>
          <p:cNvSpPr/>
          <p:nvPr/>
        </p:nvSpPr>
        <p:spPr>
          <a:xfrm>
            <a:off x="10122816" y="6059077"/>
            <a:ext cx="77470" cy="67945"/>
          </a:xfrm>
          <a:custGeom>
            <a:avLst/>
            <a:gdLst/>
            <a:ahLst/>
            <a:cxnLst/>
            <a:rect l="l" t="t" r="r" b="b"/>
            <a:pathLst>
              <a:path w="77470" h="67945">
                <a:moveTo>
                  <a:pt x="6559" y="48012"/>
                </a:moveTo>
                <a:lnTo>
                  <a:pt x="2168" y="56878"/>
                </a:lnTo>
                <a:lnTo>
                  <a:pt x="69" y="62834"/>
                </a:lnTo>
                <a:lnTo>
                  <a:pt x="0" y="66238"/>
                </a:lnTo>
                <a:lnTo>
                  <a:pt x="1696" y="67446"/>
                </a:lnTo>
                <a:lnTo>
                  <a:pt x="27480" y="53032"/>
                </a:lnTo>
                <a:lnTo>
                  <a:pt x="33113" y="49312"/>
                </a:lnTo>
                <a:lnTo>
                  <a:pt x="15291" y="49312"/>
                </a:lnTo>
                <a:lnTo>
                  <a:pt x="6559" y="48012"/>
                </a:lnTo>
                <a:close/>
              </a:path>
              <a:path w="77470" h="67945">
                <a:moveTo>
                  <a:pt x="70983" y="0"/>
                </a:moveTo>
                <a:lnTo>
                  <a:pt x="38821" y="23200"/>
                </a:lnTo>
                <a:lnTo>
                  <a:pt x="27461" y="40435"/>
                </a:lnTo>
                <a:lnTo>
                  <a:pt x="21953" y="46441"/>
                </a:lnTo>
                <a:lnTo>
                  <a:pt x="15291" y="49312"/>
                </a:lnTo>
                <a:lnTo>
                  <a:pt x="33113" y="49312"/>
                </a:lnTo>
                <a:lnTo>
                  <a:pt x="34257" y="48557"/>
                </a:lnTo>
                <a:lnTo>
                  <a:pt x="40962" y="44382"/>
                </a:lnTo>
                <a:lnTo>
                  <a:pt x="47330" y="40866"/>
                </a:lnTo>
                <a:lnTo>
                  <a:pt x="53100" y="38365"/>
                </a:lnTo>
                <a:lnTo>
                  <a:pt x="58009" y="37235"/>
                </a:lnTo>
                <a:lnTo>
                  <a:pt x="66817" y="37235"/>
                </a:lnTo>
                <a:lnTo>
                  <a:pt x="73536" y="28829"/>
                </a:lnTo>
                <a:lnTo>
                  <a:pt x="77480" y="18204"/>
                </a:lnTo>
                <a:lnTo>
                  <a:pt x="76478" y="8607"/>
                </a:lnTo>
                <a:lnTo>
                  <a:pt x="70983" y="0"/>
                </a:lnTo>
                <a:close/>
              </a:path>
              <a:path w="77470" h="67945">
                <a:moveTo>
                  <a:pt x="66817" y="37235"/>
                </a:moveTo>
                <a:lnTo>
                  <a:pt x="58009" y="37235"/>
                </a:lnTo>
                <a:lnTo>
                  <a:pt x="61794" y="37834"/>
                </a:lnTo>
                <a:lnTo>
                  <a:pt x="64193" y="40518"/>
                </a:lnTo>
                <a:lnTo>
                  <a:pt x="66817" y="37235"/>
                </a:lnTo>
                <a:close/>
              </a:path>
            </a:pathLst>
          </a:custGeom>
          <a:solidFill>
            <a:srgbClr val="C3C8C8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9" name="object 9"/>
          <p:cNvSpPr/>
          <p:nvPr/>
        </p:nvSpPr>
        <p:spPr>
          <a:xfrm>
            <a:off x="9946685" y="5786997"/>
            <a:ext cx="67945" cy="52069"/>
          </a:xfrm>
          <a:custGeom>
            <a:avLst/>
            <a:gdLst/>
            <a:ahLst/>
            <a:cxnLst/>
            <a:rect l="l" t="t" r="r" b="b"/>
            <a:pathLst>
              <a:path w="67945" h="52070">
                <a:moveTo>
                  <a:pt x="67311" y="0"/>
                </a:moveTo>
                <a:lnTo>
                  <a:pt x="37559" y="0"/>
                </a:lnTo>
                <a:lnTo>
                  <a:pt x="35772" y="2373"/>
                </a:lnTo>
                <a:lnTo>
                  <a:pt x="31623" y="9362"/>
                </a:lnTo>
                <a:lnTo>
                  <a:pt x="27904" y="16257"/>
                </a:lnTo>
                <a:lnTo>
                  <a:pt x="23720" y="23257"/>
                </a:lnTo>
                <a:lnTo>
                  <a:pt x="18175" y="30559"/>
                </a:lnTo>
                <a:lnTo>
                  <a:pt x="10369" y="38361"/>
                </a:lnTo>
                <a:lnTo>
                  <a:pt x="0" y="46447"/>
                </a:lnTo>
                <a:lnTo>
                  <a:pt x="7785" y="51394"/>
                </a:lnTo>
                <a:lnTo>
                  <a:pt x="41002" y="25289"/>
                </a:lnTo>
                <a:lnTo>
                  <a:pt x="48742" y="16247"/>
                </a:lnTo>
                <a:lnTo>
                  <a:pt x="57595" y="8048"/>
                </a:lnTo>
                <a:lnTo>
                  <a:pt x="67880" y="1597"/>
                </a:lnTo>
                <a:lnTo>
                  <a:pt x="67311" y="0"/>
                </a:lnTo>
                <a:close/>
              </a:path>
            </a:pathLst>
          </a:custGeom>
          <a:solidFill>
            <a:srgbClr val="C3C8C8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0" name="object 10"/>
          <p:cNvSpPr/>
          <p:nvPr/>
        </p:nvSpPr>
        <p:spPr>
          <a:xfrm>
            <a:off x="10064087" y="5791278"/>
            <a:ext cx="93980" cy="72390"/>
          </a:xfrm>
          <a:custGeom>
            <a:avLst/>
            <a:gdLst/>
            <a:ahLst/>
            <a:cxnLst/>
            <a:rect l="l" t="t" r="r" b="b"/>
            <a:pathLst>
              <a:path w="93979" h="72389">
                <a:moveTo>
                  <a:pt x="88711" y="0"/>
                </a:moveTo>
                <a:lnTo>
                  <a:pt x="48706" y="18581"/>
                </a:lnTo>
                <a:lnTo>
                  <a:pt x="14503" y="48733"/>
                </a:lnTo>
                <a:lnTo>
                  <a:pt x="0" y="70752"/>
                </a:lnTo>
                <a:lnTo>
                  <a:pt x="881" y="71875"/>
                </a:lnTo>
                <a:lnTo>
                  <a:pt x="28324" y="50808"/>
                </a:lnTo>
                <a:lnTo>
                  <a:pt x="35023" y="45166"/>
                </a:lnTo>
                <a:lnTo>
                  <a:pt x="67551" y="23905"/>
                </a:lnTo>
                <a:lnTo>
                  <a:pt x="72688" y="22921"/>
                </a:lnTo>
                <a:lnTo>
                  <a:pt x="87496" y="22921"/>
                </a:lnTo>
                <a:lnTo>
                  <a:pt x="88191" y="21786"/>
                </a:lnTo>
                <a:lnTo>
                  <a:pt x="91897" y="14095"/>
                </a:lnTo>
                <a:lnTo>
                  <a:pt x="93631" y="8165"/>
                </a:lnTo>
                <a:lnTo>
                  <a:pt x="93564" y="3901"/>
                </a:lnTo>
                <a:lnTo>
                  <a:pt x="91867" y="1210"/>
                </a:lnTo>
                <a:lnTo>
                  <a:pt x="88711" y="0"/>
                </a:lnTo>
                <a:close/>
              </a:path>
              <a:path w="93979" h="72389">
                <a:moveTo>
                  <a:pt x="87496" y="22921"/>
                </a:moveTo>
                <a:lnTo>
                  <a:pt x="72688" y="22921"/>
                </a:lnTo>
                <a:lnTo>
                  <a:pt x="76978" y="23651"/>
                </a:lnTo>
                <a:lnTo>
                  <a:pt x="80252" y="26365"/>
                </a:lnTo>
                <a:lnTo>
                  <a:pt x="82342" y="31330"/>
                </a:lnTo>
                <a:lnTo>
                  <a:pt x="87496" y="22921"/>
                </a:lnTo>
                <a:close/>
              </a:path>
            </a:pathLst>
          </a:custGeom>
          <a:solidFill>
            <a:srgbClr val="C3C8C8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1524001" y="5786997"/>
            <a:ext cx="8976995" cy="765175"/>
          </a:xfrm>
          <a:custGeom>
            <a:avLst/>
            <a:gdLst/>
            <a:ahLst/>
            <a:cxnLst/>
            <a:rect l="l" t="t" r="r" b="b"/>
            <a:pathLst>
              <a:path w="8976995" h="765175">
                <a:moveTo>
                  <a:pt x="8976559" y="0"/>
                </a:moveTo>
                <a:lnTo>
                  <a:pt x="0" y="0"/>
                </a:lnTo>
                <a:lnTo>
                  <a:pt x="0" y="764997"/>
                </a:lnTo>
                <a:lnTo>
                  <a:pt x="8133228" y="764997"/>
                </a:lnTo>
                <a:lnTo>
                  <a:pt x="8185010" y="732388"/>
                </a:lnTo>
                <a:lnTo>
                  <a:pt x="8226954" y="704537"/>
                </a:lnTo>
                <a:lnTo>
                  <a:pt x="8268574" y="675339"/>
                </a:lnTo>
                <a:lnTo>
                  <a:pt x="8299397" y="651986"/>
                </a:lnTo>
                <a:lnTo>
                  <a:pt x="8328346" y="627109"/>
                </a:lnTo>
                <a:lnTo>
                  <a:pt x="8365002" y="592551"/>
                </a:lnTo>
                <a:lnTo>
                  <a:pt x="8392038" y="565519"/>
                </a:lnTo>
                <a:lnTo>
                  <a:pt x="8388228" y="555490"/>
                </a:lnTo>
                <a:lnTo>
                  <a:pt x="8383001" y="546457"/>
                </a:lnTo>
                <a:lnTo>
                  <a:pt x="8380062" y="537474"/>
                </a:lnTo>
                <a:lnTo>
                  <a:pt x="8383113" y="527593"/>
                </a:lnTo>
                <a:lnTo>
                  <a:pt x="8393857" y="527593"/>
                </a:lnTo>
                <a:lnTo>
                  <a:pt x="8405134" y="525084"/>
                </a:lnTo>
                <a:lnTo>
                  <a:pt x="8417162" y="520742"/>
                </a:lnTo>
                <a:lnTo>
                  <a:pt x="8429498" y="515391"/>
                </a:lnTo>
                <a:lnTo>
                  <a:pt x="8441867" y="509817"/>
                </a:lnTo>
                <a:lnTo>
                  <a:pt x="8453991" y="504806"/>
                </a:lnTo>
                <a:lnTo>
                  <a:pt x="8465594" y="501147"/>
                </a:lnTo>
                <a:lnTo>
                  <a:pt x="8463523" y="490447"/>
                </a:lnTo>
                <a:lnTo>
                  <a:pt x="8467587" y="482545"/>
                </a:lnTo>
                <a:lnTo>
                  <a:pt x="8475256" y="476523"/>
                </a:lnTo>
                <a:lnTo>
                  <a:pt x="8484003" y="471461"/>
                </a:lnTo>
                <a:lnTo>
                  <a:pt x="8491299" y="466441"/>
                </a:lnTo>
                <a:lnTo>
                  <a:pt x="8493207" y="463048"/>
                </a:lnTo>
                <a:lnTo>
                  <a:pt x="8481794" y="463048"/>
                </a:lnTo>
                <a:lnTo>
                  <a:pt x="8471650" y="460429"/>
                </a:lnTo>
                <a:lnTo>
                  <a:pt x="8462359" y="456892"/>
                </a:lnTo>
                <a:lnTo>
                  <a:pt x="8472596" y="445644"/>
                </a:lnTo>
                <a:lnTo>
                  <a:pt x="8481639" y="435291"/>
                </a:lnTo>
                <a:lnTo>
                  <a:pt x="8489929" y="425195"/>
                </a:lnTo>
                <a:lnTo>
                  <a:pt x="8497221" y="415502"/>
                </a:lnTo>
                <a:lnTo>
                  <a:pt x="8503444" y="406159"/>
                </a:lnTo>
                <a:lnTo>
                  <a:pt x="8584464" y="406159"/>
                </a:lnTo>
                <a:lnTo>
                  <a:pt x="8612734" y="371008"/>
                </a:lnTo>
                <a:lnTo>
                  <a:pt x="8675544" y="323385"/>
                </a:lnTo>
                <a:lnTo>
                  <a:pt x="8687152" y="314803"/>
                </a:lnTo>
                <a:lnTo>
                  <a:pt x="8721945" y="286126"/>
                </a:lnTo>
                <a:lnTo>
                  <a:pt x="8754610" y="251139"/>
                </a:lnTo>
                <a:lnTo>
                  <a:pt x="8773883" y="223092"/>
                </a:lnTo>
                <a:lnTo>
                  <a:pt x="8763716" y="221108"/>
                </a:lnTo>
                <a:lnTo>
                  <a:pt x="8753171" y="220342"/>
                </a:lnTo>
                <a:lnTo>
                  <a:pt x="8743711" y="216244"/>
                </a:lnTo>
                <a:lnTo>
                  <a:pt x="8779506" y="189991"/>
                </a:lnTo>
                <a:lnTo>
                  <a:pt x="8803675" y="183815"/>
                </a:lnTo>
                <a:lnTo>
                  <a:pt x="8811958" y="181674"/>
                </a:lnTo>
                <a:lnTo>
                  <a:pt x="8820585" y="178661"/>
                </a:lnTo>
                <a:lnTo>
                  <a:pt x="8829694" y="174278"/>
                </a:lnTo>
                <a:lnTo>
                  <a:pt x="8839424" y="168027"/>
                </a:lnTo>
                <a:lnTo>
                  <a:pt x="8837897" y="166743"/>
                </a:lnTo>
                <a:lnTo>
                  <a:pt x="8812438" y="166743"/>
                </a:lnTo>
                <a:lnTo>
                  <a:pt x="8826254" y="163548"/>
                </a:lnTo>
                <a:lnTo>
                  <a:pt x="8866533" y="140996"/>
                </a:lnTo>
                <a:lnTo>
                  <a:pt x="8904382" y="103959"/>
                </a:lnTo>
                <a:lnTo>
                  <a:pt x="8938926" y="58821"/>
                </a:lnTo>
                <a:lnTo>
                  <a:pt x="8969294" y="11967"/>
                </a:lnTo>
                <a:lnTo>
                  <a:pt x="8976559" y="0"/>
                </a:lnTo>
              </a:path>
              <a:path w="8976995" h="765175">
                <a:moveTo>
                  <a:pt x="8393857" y="527593"/>
                </a:moveTo>
                <a:lnTo>
                  <a:pt x="8383113" y="527593"/>
                </a:lnTo>
                <a:lnTo>
                  <a:pt x="8393693" y="527630"/>
                </a:lnTo>
                <a:lnTo>
                  <a:pt x="8393857" y="527593"/>
                </a:lnTo>
              </a:path>
              <a:path w="8976995" h="765175">
                <a:moveTo>
                  <a:pt x="8494616" y="460545"/>
                </a:moveTo>
                <a:lnTo>
                  <a:pt x="8481794" y="463048"/>
                </a:lnTo>
                <a:lnTo>
                  <a:pt x="8493207" y="463048"/>
                </a:lnTo>
                <a:lnTo>
                  <a:pt x="8494616" y="460545"/>
                </a:lnTo>
              </a:path>
              <a:path w="8976995" h="765175">
                <a:moveTo>
                  <a:pt x="8584464" y="406159"/>
                </a:moveTo>
                <a:lnTo>
                  <a:pt x="8503444" y="406159"/>
                </a:lnTo>
                <a:lnTo>
                  <a:pt x="8509693" y="408385"/>
                </a:lnTo>
                <a:lnTo>
                  <a:pt x="8512212" y="411614"/>
                </a:lnTo>
                <a:lnTo>
                  <a:pt x="8511874" y="415659"/>
                </a:lnTo>
                <a:lnTo>
                  <a:pt x="8509573" y="420286"/>
                </a:lnTo>
                <a:lnTo>
                  <a:pt x="8506169" y="425333"/>
                </a:lnTo>
                <a:lnTo>
                  <a:pt x="8502547" y="430591"/>
                </a:lnTo>
                <a:lnTo>
                  <a:pt x="8499583" y="435860"/>
                </a:lnTo>
                <a:lnTo>
                  <a:pt x="8498155" y="440944"/>
                </a:lnTo>
                <a:lnTo>
                  <a:pt x="8499145" y="445647"/>
                </a:lnTo>
                <a:lnTo>
                  <a:pt x="8503419" y="449762"/>
                </a:lnTo>
                <a:lnTo>
                  <a:pt x="8517933" y="441731"/>
                </a:lnTo>
                <a:lnTo>
                  <a:pt x="8530558" y="436127"/>
                </a:lnTo>
                <a:lnTo>
                  <a:pt x="8541720" y="432127"/>
                </a:lnTo>
                <a:lnTo>
                  <a:pt x="8551845" y="428905"/>
                </a:lnTo>
                <a:lnTo>
                  <a:pt x="8561358" y="425637"/>
                </a:lnTo>
                <a:lnTo>
                  <a:pt x="8570684" y="421496"/>
                </a:lnTo>
                <a:lnTo>
                  <a:pt x="8580249" y="415659"/>
                </a:lnTo>
                <a:lnTo>
                  <a:pt x="8584464" y="406159"/>
                </a:lnTo>
              </a:path>
              <a:path w="8976995" h="765175">
                <a:moveTo>
                  <a:pt x="8639972" y="387177"/>
                </a:moveTo>
                <a:lnTo>
                  <a:pt x="8605669" y="404496"/>
                </a:lnTo>
                <a:lnTo>
                  <a:pt x="8582469" y="438230"/>
                </a:lnTo>
                <a:lnTo>
                  <a:pt x="8585485" y="445647"/>
                </a:lnTo>
                <a:lnTo>
                  <a:pt x="8590009" y="448519"/>
                </a:lnTo>
                <a:lnTo>
                  <a:pt x="8595792" y="447593"/>
                </a:lnTo>
                <a:lnTo>
                  <a:pt x="8602589" y="443619"/>
                </a:lnTo>
                <a:lnTo>
                  <a:pt x="8610149" y="437345"/>
                </a:lnTo>
                <a:lnTo>
                  <a:pt x="8618227" y="429519"/>
                </a:lnTo>
                <a:lnTo>
                  <a:pt x="8634940" y="412203"/>
                </a:lnTo>
                <a:lnTo>
                  <a:pt x="8643080" y="404211"/>
                </a:lnTo>
                <a:lnTo>
                  <a:pt x="8650745" y="397660"/>
                </a:lnTo>
                <a:lnTo>
                  <a:pt x="8646321" y="390314"/>
                </a:lnTo>
                <a:lnTo>
                  <a:pt x="8639972" y="387177"/>
                </a:lnTo>
              </a:path>
              <a:path w="8976995" h="765175">
                <a:moveTo>
                  <a:pt x="8833394" y="162957"/>
                </a:moveTo>
                <a:lnTo>
                  <a:pt x="8823582" y="164570"/>
                </a:lnTo>
                <a:lnTo>
                  <a:pt x="8812438" y="166743"/>
                </a:lnTo>
                <a:lnTo>
                  <a:pt x="8837897" y="166743"/>
                </a:lnTo>
                <a:lnTo>
                  <a:pt x="8833394" y="162957"/>
                </a:lnTo>
              </a:path>
            </a:pathLst>
          </a:custGeom>
          <a:solidFill>
            <a:srgbClr val="C3C8C8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" name="object 12"/>
          <p:cNvSpPr/>
          <p:nvPr/>
        </p:nvSpPr>
        <p:spPr>
          <a:xfrm>
            <a:off x="9541291" y="6129936"/>
            <a:ext cx="109855" cy="85725"/>
          </a:xfrm>
          <a:custGeom>
            <a:avLst/>
            <a:gdLst/>
            <a:ahLst/>
            <a:cxnLst/>
            <a:rect l="l" t="t" r="r" b="b"/>
            <a:pathLst>
              <a:path w="109854" h="85725">
                <a:moveTo>
                  <a:pt x="105358" y="0"/>
                </a:moveTo>
                <a:lnTo>
                  <a:pt x="58564" y="40396"/>
                </a:lnTo>
                <a:lnTo>
                  <a:pt x="47794" y="50657"/>
                </a:lnTo>
                <a:lnTo>
                  <a:pt x="36307" y="60784"/>
                </a:lnTo>
                <a:lnTo>
                  <a:pt x="24151" y="70348"/>
                </a:lnTo>
                <a:lnTo>
                  <a:pt x="11375" y="78920"/>
                </a:lnTo>
                <a:lnTo>
                  <a:pt x="0" y="85138"/>
                </a:lnTo>
                <a:lnTo>
                  <a:pt x="12518" y="83599"/>
                </a:lnTo>
                <a:lnTo>
                  <a:pt x="55236" y="61560"/>
                </a:lnTo>
                <a:lnTo>
                  <a:pt x="82729" y="33430"/>
                </a:lnTo>
                <a:lnTo>
                  <a:pt x="109730" y="795"/>
                </a:lnTo>
                <a:lnTo>
                  <a:pt x="105358" y="0"/>
                </a:lnTo>
                <a:close/>
              </a:path>
            </a:pathLst>
          </a:custGeom>
          <a:solidFill>
            <a:srgbClr val="C3C8C8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3" name="object 13"/>
          <p:cNvSpPr/>
          <p:nvPr/>
        </p:nvSpPr>
        <p:spPr>
          <a:xfrm>
            <a:off x="8190493" y="6054239"/>
            <a:ext cx="85090" cy="71120"/>
          </a:xfrm>
          <a:custGeom>
            <a:avLst/>
            <a:gdLst/>
            <a:ahLst/>
            <a:cxnLst/>
            <a:rect l="l" t="t" r="r" b="b"/>
            <a:pathLst>
              <a:path w="85090" h="71120">
                <a:moveTo>
                  <a:pt x="78574" y="0"/>
                </a:moveTo>
                <a:lnTo>
                  <a:pt x="47777" y="27990"/>
                </a:lnTo>
                <a:lnTo>
                  <a:pt x="46194" y="32704"/>
                </a:lnTo>
                <a:lnTo>
                  <a:pt x="44515" y="37450"/>
                </a:lnTo>
                <a:lnTo>
                  <a:pt x="9035" y="67022"/>
                </a:lnTo>
                <a:lnTo>
                  <a:pt x="0" y="70477"/>
                </a:lnTo>
                <a:lnTo>
                  <a:pt x="7499" y="70779"/>
                </a:lnTo>
                <a:lnTo>
                  <a:pt x="46317" y="55156"/>
                </a:lnTo>
                <a:lnTo>
                  <a:pt x="79004" y="25728"/>
                </a:lnTo>
                <a:lnTo>
                  <a:pt x="84615" y="11308"/>
                </a:lnTo>
                <a:lnTo>
                  <a:pt x="83262" y="5128"/>
                </a:lnTo>
                <a:lnTo>
                  <a:pt x="78574" y="0"/>
                </a:lnTo>
                <a:close/>
              </a:path>
            </a:pathLst>
          </a:custGeom>
          <a:solidFill>
            <a:srgbClr val="4B64AE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4" name="object 14"/>
          <p:cNvSpPr/>
          <p:nvPr/>
        </p:nvSpPr>
        <p:spPr>
          <a:xfrm>
            <a:off x="7458165" y="5787452"/>
            <a:ext cx="3209925" cy="764540"/>
          </a:xfrm>
          <a:custGeom>
            <a:avLst/>
            <a:gdLst/>
            <a:ahLst/>
            <a:cxnLst/>
            <a:rect l="l" t="t" r="r" b="b"/>
            <a:pathLst>
              <a:path w="3209925" h="764540">
                <a:moveTo>
                  <a:pt x="237464" y="632460"/>
                </a:moveTo>
                <a:lnTo>
                  <a:pt x="230284" y="632460"/>
                </a:lnTo>
                <a:lnTo>
                  <a:pt x="220357" y="635000"/>
                </a:lnTo>
                <a:lnTo>
                  <a:pt x="204608" y="647700"/>
                </a:lnTo>
                <a:lnTo>
                  <a:pt x="188514" y="659130"/>
                </a:lnTo>
                <a:lnTo>
                  <a:pt x="155339" y="683260"/>
                </a:lnTo>
                <a:lnTo>
                  <a:pt x="103301" y="715010"/>
                </a:lnTo>
                <a:lnTo>
                  <a:pt x="67242" y="735330"/>
                </a:lnTo>
                <a:lnTo>
                  <a:pt x="30207" y="751840"/>
                </a:lnTo>
                <a:lnTo>
                  <a:pt x="11355" y="760730"/>
                </a:lnTo>
                <a:lnTo>
                  <a:pt x="0" y="764540"/>
                </a:lnTo>
                <a:lnTo>
                  <a:pt x="2246872" y="764540"/>
                </a:lnTo>
                <a:lnTo>
                  <a:pt x="2251413" y="762000"/>
                </a:lnTo>
                <a:lnTo>
                  <a:pt x="2303703" y="726440"/>
                </a:lnTo>
                <a:lnTo>
                  <a:pt x="2329329" y="711200"/>
                </a:lnTo>
                <a:lnTo>
                  <a:pt x="2342011" y="704850"/>
                </a:lnTo>
                <a:lnTo>
                  <a:pt x="2354605" y="697230"/>
                </a:lnTo>
                <a:lnTo>
                  <a:pt x="2387176" y="668020"/>
                </a:lnTo>
                <a:lnTo>
                  <a:pt x="2414312" y="642620"/>
                </a:lnTo>
                <a:lnTo>
                  <a:pt x="259996" y="642620"/>
                </a:lnTo>
                <a:lnTo>
                  <a:pt x="253162" y="641350"/>
                </a:lnTo>
                <a:lnTo>
                  <a:pt x="247838" y="638810"/>
                </a:lnTo>
                <a:lnTo>
                  <a:pt x="242960" y="635000"/>
                </a:lnTo>
                <a:lnTo>
                  <a:pt x="237464" y="632460"/>
                </a:lnTo>
              </a:path>
              <a:path w="3209925" h="764540">
                <a:moveTo>
                  <a:pt x="3108615" y="99060"/>
                </a:moveTo>
                <a:lnTo>
                  <a:pt x="3108653" y="107950"/>
                </a:lnTo>
                <a:lnTo>
                  <a:pt x="3113463" y="115570"/>
                </a:lnTo>
                <a:lnTo>
                  <a:pt x="3118675" y="123190"/>
                </a:lnTo>
                <a:lnTo>
                  <a:pt x="3096420" y="139700"/>
                </a:lnTo>
                <a:lnTo>
                  <a:pt x="3074154" y="157480"/>
                </a:lnTo>
                <a:lnTo>
                  <a:pt x="3007109" y="214630"/>
                </a:lnTo>
                <a:lnTo>
                  <a:pt x="2962020" y="255270"/>
                </a:lnTo>
                <a:lnTo>
                  <a:pt x="2916442" y="298450"/>
                </a:lnTo>
                <a:lnTo>
                  <a:pt x="2870228" y="341630"/>
                </a:lnTo>
                <a:lnTo>
                  <a:pt x="2846835" y="364490"/>
                </a:lnTo>
                <a:lnTo>
                  <a:pt x="2799387" y="410210"/>
                </a:lnTo>
                <a:lnTo>
                  <a:pt x="2775293" y="433070"/>
                </a:lnTo>
                <a:lnTo>
                  <a:pt x="2750929" y="455930"/>
                </a:lnTo>
                <a:lnTo>
                  <a:pt x="2726276" y="480060"/>
                </a:lnTo>
                <a:lnTo>
                  <a:pt x="2701315" y="502920"/>
                </a:lnTo>
                <a:lnTo>
                  <a:pt x="2676027" y="527050"/>
                </a:lnTo>
                <a:lnTo>
                  <a:pt x="2650394" y="549910"/>
                </a:lnTo>
                <a:lnTo>
                  <a:pt x="2569385" y="626110"/>
                </a:lnTo>
                <a:lnTo>
                  <a:pt x="2510163" y="680720"/>
                </a:lnTo>
                <a:lnTo>
                  <a:pt x="2500444" y="688340"/>
                </a:lnTo>
                <a:lnTo>
                  <a:pt x="2490697" y="697230"/>
                </a:lnTo>
                <a:lnTo>
                  <a:pt x="2471147" y="712470"/>
                </a:lnTo>
                <a:lnTo>
                  <a:pt x="2461360" y="721360"/>
                </a:lnTo>
                <a:lnTo>
                  <a:pt x="2412606" y="760730"/>
                </a:lnTo>
                <a:lnTo>
                  <a:pt x="2407546" y="764540"/>
                </a:lnTo>
                <a:lnTo>
                  <a:pt x="2438672" y="764540"/>
                </a:lnTo>
                <a:lnTo>
                  <a:pt x="2454149" y="751840"/>
                </a:lnTo>
                <a:lnTo>
                  <a:pt x="2542413" y="674370"/>
                </a:lnTo>
                <a:lnTo>
                  <a:pt x="2547675" y="673100"/>
                </a:lnTo>
                <a:lnTo>
                  <a:pt x="2606868" y="673100"/>
                </a:lnTo>
                <a:lnTo>
                  <a:pt x="2608211" y="669290"/>
                </a:lnTo>
                <a:lnTo>
                  <a:pt x="2613480" y="659130"/>
                </a:lnTo>
                <a:lnTo>
                  <a:pt x="2619857" y="647700"/>
                </a:lnTo>
                <a:lnTo>
                  <a:pt x="2627216" y="637540"/>
                </a:lnTo>
                <a:lnTo>
                  <a:pt x="2635429" y="627380"/>
                </a:lnTo>
                <a:lnTo>
                  <a:pt x="2644367" y="615950"/>
                </a:lnTo>
                <a:lnTo>
                  <a:pt x="2653903" y="607060"/>
                </a:lnTo>
                <a:lnTo>
                  <a:pt x="2663910" y="596900"/>
                </a:lnTo>
                <a:lnTo>
                  <a:pt x="2674258" y="588010"/>
                </a:lnTo>
                <a:lnTo>
                  <a:pt x="2684822" y="579120"/>
                </a:lnTo>
                <a:lnTo>
                  <a:pt x="2706080" y="563880"/>
                </a:lnTo>
                <a:lnTo>
                  <a:pt x="2705325" y="558800"/>
                </a:lnTo>
                <a:lnTo>
                  <a:pt x="2722935" y="524510"/>
                </a:lnTo>
                <a:lnTo>
                  <a:pt x="2738680" y="509270"/>
                </a:lnTo>
                <a:lnTo>
                  <a:pt x="2748144" y="500380"/>
                </a:lnTo>
                <a:lnTo>
                  <a:pt x="2758577" y="491490"/>
                </a:lnTo>
                <a:lnTo>
                  <a:pt x="2769911" y="482600"/>
                </a:lnTo>
                <a:lnTo>
                  <a:pt x="2782077" y="473710"/>
                </a:lnTo>
                <a:lnTo>
                  <a:pt x="2795008" y="464820"/>
                </a:lnTo>
                <a:lnTo>
                  <a:pt x="2808635" y="454660"/>
                </a:lnTo>
                <a:lnTo>
                  <a:pt x="2822888" y="444500"/>
                </a:lnTo>
                <a:lnTo>
                  <a:pt x="2837701" y="435610"/>
                </a:lnTo>
                <a:lnTo>
                  <a:pt x="2853004" y="425450"/>
                </a:lnTo>
                <a:lnTo>
                  <a:pt x="2868694" y="425450"/>
                </a:lnTo>
                <a:lnTo>
                  <a:pt x="2881287" y="408940"/>
                </a:lnTo>
                <a:lnTo>
                  <a:pt x="2893672" y="394970"/>
                </a:lnTo>
                <a:lnTo>
                  <a:pt x="2906777" y="379730"/>
                </a:lnTo>
                <a:lnTo>
                  <a:pt x="2920546" y="365760"/>
                </a:lnTo>
                <a:lnTo>
                  <a:pt x="2934926" y="350520"/>
                </a:lnTo>
                <a:lnTo>
                  <a:pt x="2949860" y="336550"/>
                </a:lnTo>
                <a:lnTo>
                  <a:pt x="2965295" y="322580"/>
                </a:lnTo>
                <a:lnTo>
                  <a:pt x="2981177" y="307340"/>
                </a:lnTo>
                <a:lnTo>
                  <a:pt x="2997450" y="294640"/>
                </a:lnTo>
                <a:lnTo>
                  <a:pt x="3014060" y="280670"/>
                </a:lnTo>
                <a:lnTo>
                  <a:pt x="3030952" y="266700"/>
                </a:lnTo>
                <a:lnTo>
                  <a:pt x="3048072" y="254000"/>
                </a:lnTo>
                <a:lnTo>
                  <a:pt x="3065366" y="242570"/>
                </a:lnTo>
                <a:lnTo>
                  <a:pt x="3082778" y="229870"/>
                </a:lnTo>
                <a:lnTo>
                  <a:pt x="3100254" y="218440"/>
                </a:lnTo>
                <a:lnTo>
                  <a:pt x="3117739" y="208280"/>
                </a:lnTo>
                <a:lnTo>
                  <a:pt x="3135180" y="196850"/>
                </a:lnTo>
                <a:lnTo>
                  <a:pt x="3152520" y="187960"/>
                </a:lnTo>
                <a:lnTo>
                  <a:pt x="3134397" y="168910"/>
                </a:lnTo>
                <a:lnTo>
                  <a:pt x="3144427" y="160020"/>
                </a:lnTo>
                <a:lnTo>
                  <a:pt x="3154482" y="152400"/>
                </a:lnTo>
                <a:lnTo>
                  <a:pt x="3204981" y="107950"/>
                </a:lnTo>
                <a:lnTo>
                  <a:pt x="3121754" y="107950"/>
                </a:lnTo>
                <a:lnTo>
                  <a:pt x="3114599" y="105410"/>
                </a:lnTo>
                <a:lnTo>
                  <a:pt x="3108615" y="99060"/>
                </a:lnTo>
              </a:path>
              <a:path w="3209925" h="764540">
                <a:moveTo>
                  <a:pt x="2606868" y="673100"/>
                </a:moveTo>
                <a:lnTo>
                  <a:pt x="2551639" y="673100"/>
                </a:lnTo>
                <a:lnTo>
                  <a:pt x="2554544" y="674370"/>
                </a:lnTo>
                <a:lnTo>
                  <a:pt x="2556629" y="676910"/>
                </a:lnTo>
                <a:lnTo>
                  <a:pt x="2558130" y="680720"/>
                </a:lnTo>
                <a:lnTo>
                  <a:pt x="2559286" y="684530"/>
                </a:lnTo>
                <a:lnTo>
                  <a:pt x="2560334" y="688340"/>
                </a:lnTo>
                <a:lnTo>
                  <a:pt x="2561513" y="692150"/>
                </a:lnTo>
                <a:lnTo>
                  <a:pt x="2563060" y="695960"/>
                </a:lnTo>
                <a:lnTo>
                  <a:pt x="2565213" y="698500"/>
                </a:lnTo>
                <a:lnTo>
                  <a:pt x="2568210" y="699770"/>
                </a:lnTo>
                <a:lnTo>
                  <a:pt x="2572289" y="699770"/>
                </a:lnTo>
                <a:lnTo>
                  <a:pt x="2577687" y="698500"/>
                </a:lnTo>
                <a:lnTo>
                  <a:pt x="2584644" y="694690"/>
                </a:lnTo>
                <a:lnTo>
                  <a:pt x="2593395" y="689610"/>
                </a:lnTo>
                <a:lnTo>
                  <a:pt x="2604180" y="680720"/>
                </a:lnTo>
                <a:lnTo>
                  <a:pt x="2606868" y="673100"/>
                </a:lnTo>
              </a:path>
              <a:path w="3209925" h="764540">
                <a:moveTo>
                  <a:pt x="2684375" y="397510"/>
                </a:moveTo>
                <a:lnTo>
                  <a:pt x="723263" y="397510"/>
                </a:lnTo>
                <a:lnTo>
                  <a:pt x="727811" y="401320"/>
                </a:lnTo>
                <a:lnTo>
                  <a:pt x="707420" y="416560"/>
                </a:lnTo>
                <a:lnTo>
                  <a:pt x="663218" y="443230"/>
                </a:lnTo>
                <a:lnTo>
                  <a:pt x="615483" y="467360"/>
                </a:lnTo>
                <a:lnTo>
                  <a:pt x="590677" y="477520"/>
                </a:lnTo>
                <a:lnTo>
                  <a:pt x="565450" y="488950"/>
                </a:lnTo>
                <a:lnTo>
                  <a:pt x="539956" y="499110"/>
                </a:lnTo>
                <a:lnTo>
                  <a:pt x="514351" y="508000"/>
                </a:lnTo>
                <a:lnTo>
                  <a:pt x="413893" y="548640"/>
                </a:lnTo>
                <a:lnTo>
                  <a:pt x="390041" y="558800"/>
                </a:lnTo>
                <a:lnTo>
                  <a:pt x="367002" y="570230"/>
                </a:lnTo>
                <a:lnTo>
                  <a:pt x="344931" y="581660"/>
                </a:lnTo>
                <a:lnTo>
                  <a:pt x="323981" y="595630"/>
                </a:lnTo>
                <a:lnTo>
                  <a:pt x="304308" y="608330"/>
                </a:lnTo>
                <a:lnTo>
                  <a:pt x="286064" y="623570"/>
                </a:lnTo>
                <a:lnTo>
                  <a:pt x="269405" y="640080"/>
                </a:lnTo>
                <a:lnTo>
                  <a:pt x="259996" y="642620"/>
                </a:lnTo>
                <a:lnTo>
                  <a:pt x="2414312" y="642620"/>
                </a:lnTo>
                <a:lnTo>
                  <a:pt x="2467226" y="593090"/>
                </a:lnTo>
                <a:lnTo>
                  <a:pt x="2489296" y="572770"/>
                </a:lnTo>
                <a:lnTo>
                  <a:pt x="2511829" y="552450"/>
                </a:lnTo>
                <a:lnTo>
                  <a:pt x="2534646" y="532130"/>
                </a:lnTo>
                <a:lnTo>
                  <a:pt x="2557566" y="510540"/>
                </a:lnTo>
                <a:lnTo>
                  <a:pt x="2580410" y="490220"/>
                </a:lnTo>
                <a:lnTo>
                  <a:pt x="2602999" y="469900"/>
                </a:lnTo>
                <a:lnTo>
                  <a:pt x="2625152" y="449580"/>
                </a:lnTo>
                <a:lnTo>
                  <a:pt x="2646689" y="430530"/>
                </a:lnTo>
                <a:lnTo>
                  <a:pt x="2667432" y="412750"/>
                </a:lnTo>
                <a:lnTo>
                  <a:pt x="2684375" y="397510"/>
                </a:lnTo>
              </a:path>
              <a:path w="3209925" h="764540">
                <a:moveTo>
                  <a:pt x="2784877" y="341630"/>
                </a:moveTo>
                <a:lnTo>
                  <a:pt x="2752924" y="341630"/>
                </a:lnTo>
                <a:lnTo>
                  <a:pt x="2755922" y="347980"/>
                </a:lnTo>
                <a:lnTo>
                  <a:pt x="2757399" y="355600"/>
                </a:lnTo>
                <a:lnTo>
                  <a:pt x="2742298" y="397510"/>
                </a:lnTo>
                <a:lnTo>
                  <a:pt x="2715577" y="429260"/>
                </a:lnTo>
                <a:lnTo>
                  <a:pt x="2675909" y="464820"/>
                </a:lnTo>
                <a:lnTo>
                  <a:pt x="2680818" y="466090"/>
                </a:lnTo>
                <a:lnTo>
                  <a:pt x="2687252" y="463550"/>
                </a:lnTo>
                <a:lnTo>
                  <a:pt x="2694942" y="459740"/>
                </a:lnTo>
                <a:lnTo>
                  <a:pt x="2703622" y="452120"/>
                </a:lnTo>
                <a:lnTo>
                  <a:pt x="2713025" y="444500"/>
                </a:lnTo>
                <a:lnTo>
                  <a:pt x="2722883" y="434340"/>
                </a:lnTo>
                <a:lnTo>
                  <a:pt x="2732929" y="424180"/>
                </a:lnTo>
                <a:lnTo>
                  <a:pt x="2752517" y="402590"/>
                </a:lnTo>
                <a:lnTo>
                  <a:pt x="2761524" y="393700"/>
                </a:lnTo>
                <a:lnTo>
                  <a:pt x="2769651" y="386080"/>
                </a:lnTo>
                <a:lnTo>
                  <a:pt x="2769894" y="377190"/>
                </a:lnTo>
                <a:lnTo>
                  <a:pt x="2771992" y="368300"/>
                </a:lnTo>
                <a:lnTo>
                  <a:pt x="2775730" y="358140"/>
                </a:lnTo>
                <a:lnTo>
                  <a:pt x="2780893" y="347980"/>
                </a:lnTo>
                <a:lnTo>
                  <a:pt x="2784877" y="341630"/>
                </a:lnTo>
              </a:path>
              <a:path w="3209925" h="764540">
                <a:moveTo>
                  <a:pt x="2857401" y="440443"/>
                </a:moveTo>
                <a:lnTo>
                  <a:pt x="2848990" y="453390"/>
                </a:lnTo>
                <a:lnTo>
                  <a:pt x="2857332" y="441960"/>
                </a:lnTo>
                <a:lnTo>
                  <a:pt x="2857401" y="440443"/>
                </a:lnTo>
              </a:path>
              <a:path w="3209925" h="764540">
                <a:moveTo>
                  <a:pt x="1161608" y="73660"/>
                </a:moveTo>
                <a:lnTo>
                  <a:pt x="1119635" y="73660"/>
                </a:lnTo>
                <a:lnTo>
                  <a:pt x="1126197" y="77470"/>
                </a:lnTo>
                <a:lnTo>
                  <a:pt x="1114247" y="83820"/>
                </a:lnTo>
                <a:lnTo>
                  <a:pt x="1102405" y="91440"/>
                </a:lnTo>
                <a:lnTo>
                  <a:pt x="1090660" y="100330"/>
                </a:lnTo>
                <a:lnTo>
                  <a:pt x="1079000" y="107950"/>
                </a:lnTo>
                <a:lnTo>
                  <a:pt x="1067413" y="116840"/>
                </a:lnTo>
                <a:lnTo>
                  <a:pt x="1055885" y="124460"/>
                </a:lnTo>
                <a:lnTo>
                  <a:pt x="1021544" y="151130"/>
                </a:lnTo>
                <a:lnTo>
                  <a:pt x="1010137" y="161290"/>
                </a:lnTo>
                <a:lnTo>
                  <a:pt x="987308" y="179070"/>
                </a:lnTo>
                <a:lnTo>
                  <a:pt x="964380" y="199390"/>
                </a:lnTo>
                <a:lnTo>
                  <a:pt x="917838" y="238760"/>
                </a:lnTo>
                <a:lnTo>
                  <a:pt x="905988" y="247650"/>
                </a:lnTo>
                <a:lnTo>
                  <a:pt x="881963" y="267970"/>
                </a:lnTo>
                <a:lnTo>
                  <a:pt x="869677" y="278130"/>
                </a:lnTo>
                <a:lnTo>
                  <a:pt x="857169" y="287020"/>
                </a:lnTo>
                <a:lnTo>
                  <a:pt x="844434" y="297180"/>
                </a:lnTo>
                <a:lnTo>
                  <a:pt x="831472" y="306070"/>
                </a:lnTo>
                <a:lnTo>
                  <a:pt x="818280" y="316230"/>
                </a:lnTo>
                <a:lnTo>
                  <a:pt x="804854" y="325120"/>
                </a:lnTo>
                <a:lnTo>
                  <a:pt x="791193" y="334010"/>
                </a:lnTo>
                <a:lnTo>
                  <a:pt x="777295" y="342900"/>
                </a:lnTo>
                <a:lnTo>
                  <a:pt x="763157" y="350520"/>
                </a:lnTo>
                <a:lnTo>
                  <a:pt x="748776" y="359410"/>
                </a:lnTo>
                <a:lnTo>
                  <a:pt x="688776" y="391160"/>
                </a:lnTo>
                <a:lnTo>
                  <a:pt x="624699" y="421640"/>
                </a:lnTo>
                <a:lnTo>
                  <a:pt x="608025" y="427990"/>
                </a:lnTo>
                <a:lnTo>
                  <a:pt x="605411" y="435610"/>
                </a:lnTo>
                <a:lnTo>
                  <a:pt x="604760" y="441960"/>
                </a:lnTo>
                <a:lnTo>
                  <a:pt x="605896" y="445770"/>
                </a:lnTo>
                <a:lnTo>
                  <a:pt x="608643" y="447040"/>
                </a:lnTo>
                <a:lnTo>
                  <a:pt x="612823" y="447040"/>
                </a:lnTo>
                <a:lnTo>
                  <a:pt x="618262" y="445770"/>
                </a:lnTo>
                <a:lnTo>
                  <a:pt x="624783" y="441960"/>
                </a:lnTo>
                <a:lnTo>
                  <a:pt x="632209" y="438150"/>
                </a:lnTo>
                <a:lnTo>
                  <a:pt x="640364" y="434340"/>
                </a:lnTo>
                <a:lnTo>
                  <a:pt x="649073" y="429260"/>
                </a:lnTo>
                <a:lnTo>
                  <a:pt x="658158" y="422910"/>
                </a:lnTo>
                <a:lnTo>
                  <a:pt x="685913" y="407670"/>
                </a:lnTo>
                <a:lnTo>
                  <a:pt x="694744" y="402590"/>
                </a:lnTo>
                <a:lnTo>
                  <a:pt x="703071" y="400050"/>
                </a:lnTo>
                <a:lnTo>
                  <a:pt x="710717" y="397510"/>
                </a:lnTo>
                <a:lnTo>
                  <a:pt x="2684375" y="397510"/>
                </a:lnTo>
                <a:lnTo>
                  <a:pt x="2687199" y="394970"/>
                </a:lnTo>
                <a:lnTo>
                  <a:pt x="2705812" y="379730"/>
                </a:lnTo>
                <a:lnTo>
                  <a:pt x="2723090" y="364490"/>
                </a:lnTo>
                <a:lnTo>
                  <a:pt x="2738854" y="351790"/>
                </a:lnTo>
                <a:lnTo>
                  <a:pt x="2752924" y="341630"/>
                </a:lnTo>
                <a:lnTo>
                  <a:pt x="2784877" y="341630"/>
                </a:lnTo>
                <a:lnTo>
                  <a:pt x="2787267" y="337820"/>
                </a:lnTo>
                <a:lnTo>
                  <a:pt x="2794637" y="326390"/>
                </a:lnTo>
                <a:lnTo>
                  <a:pt x="2802789" y="314960"/>
                </a:lnTo>
                <a:lnTo>
                  <a:pt x="2811508" y="302260"/>
                </a:lnTo>
                <a:lnTo>
                  <a:pt x="2829788" y="278130"/>
                </a:lnTo>
                <a:lnTo>
                  <a:pt x="2849883" y="267970"/>
                </a:lnTo>
                <a:lnTo>
                  <a:pt x="2869225" y="255270"/>
                </a:lnTo>
                <a:lnTo>
                  <a:pt x="2887912" y="242570"/>
                </a:lnTo>
                <a:lnTo>
                  <a:pt x="2906041" y="227330"/>
                </a:lnTo>
                <a:lnTo>
                  <a:pt x="2923708" y="213360"/>
                </a:lnTo>
                <a:lnTo>
                  <a:pt x="2941010" y="196850"/>
                </a:lnTo>
                <a:lnTo>
                  <a:pt x="2974908" y="163830"/>
                </a:lnTo>
                <a:lnTo>
                  <a:pt x="2988110" y="149860"/>
                </a:lnTo>
                <a:lnTo>
                  <a:pt x="1059301" y="149860"/>
                </a:lnTo>
                <a:lnTo>
                  <a:pt x="1056397" y="148590"/>
                </a:lnTo>
                <a:lnTo>
                  <a:pt x="1055964" y="146050"/>
                </a:lnTo>
                <a:lnTo>
                  <a:pt x="1058344" y="142240"/>
                </a:lnTo>
                <a:lnTo>
                  <a:pt x="1063878" y="135890"/>
                </a:lnTo>
                <a:lnTo>
                  <a:pt x="1066376" y="135890"/>
                </a:lnTo>
                <a:lnTo>
                  <a:pt x="1075975" y="132080"/>
                </a:lnTo>
                <a:lnTo>
                  <a:pt x="1111294" y="113030"/>
                </a:lnTo>
                <a:lnTo>
                  <a:pt x="1155679" y="78740"/>
                </a:lnTo>
                <a:lnTo>
                  <a:pt x="1161608" y="73660"/>
                </a:lnTo>
              </a:path>
              <a:path w="3209925" h="764540">
                <a:moveTo>
                  <a:pt x="2868694" y="425450"/>
                </a:moveTo>
                <a:lnTo>
                  <a:pt x="2853004" y="425450"/>
                </a:lnTo>
                <a:lnTo>
                  <a:pt x="2857740" y="433070"/>
                </a:lnTo>
                <a:lnTo>
                  <a:pt x="2857401" y="440443"/>
                </a:lnTo>
                <a:lnTo>
                  <a:pt x="2858891" y="438150"/>
                </a:lnTo>
                <a:lnTo>
                  <a:pt x="2868694" y="425450"/>
                </a:lnTo>
              </a:path>
              <a:path w="3209925" h="764540">
                <a:moveTo>
                  <a:pt x="3060061" y="72390"/>
                </a:moveTo>
                <a:lnTo>
                  <a:pt x="1163091" y="72390"/>
                </a:lnTo>
                <a:lnTo>
                  <a:pt x="1167109" y="76200"/>
                </a:lnTo>
                <a:lnTo>
                  <a:pt x="1168132" y="81280"/>
                </a:lnTo>
                <a:lnTo>
                  <a:pt x="1140279" y="111760"/>
                </a:lnTo>
                <a:lnTo>
                  <a:pt x="1098936" y="135890"/>
                </a:lnTo>
                <a:lnTo>
                  <a:pt x="1088799" y="140970"/>
                </a:lnTo>
                <a:lnTo>
                  <a:pt x="1079426" y="144780"/>
                </a:lnTo>
                <a:lnTo>
                  <a:pt x="1071158" y="147320"/>
                </a:lnTo>
                <a:lnTo>
                  <a:pt x="1064336" y="149860"/>
                </a:lnTo>
                <a:lnTo>
                  <a:pt x="2988110" y="149860"/>
                </a:lnTo>
                <a:lnTo>
                  <a:pt x="3008512" y="128270"/>
                </a:lnTo>
                <a:lnTo>
                  <a:pt x="3025445" y="109220"/>
                </a:lnTo>
                <a:lnTo>
                  <a:pt x="3042596" y="91440"/>
                </a:lnTo>
                <a:lnTo>
                  <a:pt x="3060061" y="72390"/>
                </a:lnTo>
              </a:path>
              <a:path w="3209925" h="764540">
                <a:moveTo>
                  <a:pt x="3209835" y="31750"/>
                </a:moveTo>
                <a:lnTo>
                  <a:pt x="3207744" y="35560"/>
                </a:lnTo>
                <a:lnTo>
                  <a:pt x="3203320" y="45720"/>
                </a:lnTo>
                <a:lnTo>
                  <a:pt x="3200456" y="54610"/>
                </a:lnTo>
                <a:lnTo>
                  <a:pt x="3199317" y="63500"/>
                </a:lnTo>
                <a:lnTo>
                  <a:pt x="3189348" y="69850"/>
                </a:lnTo>
                <a:lnTo>
                  <a:pt x="3158451" y="92710"/>
                </a:lnTo>
                <a:lnTo>
                  <a:pt x="3121754" y="107950"/>
                </a:lnTo>
                <a:lnTo>
                  <a:pt x="3204981" y="107950"/>
                </a:lnTo>
                <a:lnTo>
                  <a:pt x="3209835" y="102870"/>
                </a:lnTo>
                <a:lnTo>
                  <a:pt x="3209835" y="31750"/>
                </a:lnTo>
              </a:path>
              <a:path w="3209925" h="764540">
                <a:moveTo>
                  <a:pt x="3134397" y="0"/>
                </a:moveTo>
                <a:lnTo>
                  <a:pt x="1164557" y="0"/>
                </a:lnTo>
                <a:lnTo>
                  <a:pt x="1160630" y="2540"/>
                </a:lnTo>
                <a:lnTo>
                  <a:pt x="1138019" y="20320"/>
                </a:lnTo>
                <a:lnTo>
                  <a:pt x="1116071" y="36830"/>
                </a:lnTo>
                <a:lnTo>
                  <a:pt x="1105472" y="45720"/>
                </a:lnTo>
                <a:lnTo>
                  <a:pt x="1095192" y="53340"/>
                </a:lnTo>
                <a:lnTo>
                  <a:pt x="1085280" y="60960"/>
                </a:lnTo>
                <a:lnTo>
                  <a:pt x="1075788" y="67310"/>
                </a:lnTo>
                <a:lnTo>
                  <a:pt x="1066765" y="73660"/>
                </a:lnTo>
                <a:lnTo>
                  <a:pt x="1058264" y="78740"/>
                </a:lnTo>
                <a:lnTo>
                  <a:pt x="1050333" y="82550"/>
                </a:lnTo>
                <a:lnTo>
                  <a:pt x="1054732" y="88900"/>
                </a:lnTo>
                <a:lnTo>
                  <a:pt x="1061613" y="91440"/>
                </a:lnTo>
                <a:lnTo>
                  <a:pt x="1070344" y="90170"/>
                </a:lnTo>
                <a:lnTo>
                  <a:pt x="1080293" y="86360"/>
                </a:lnTo>
                <a:lnTo>
                  <a:pt x="1090829" y="82550"/>
                </a:lnTo>
                <a:lnTo>
                  <a:pt x="1101319" y="77470"/>
                </a:lnTo>
                <a:lnTo>
                  <a:pt x="1111132" y="74930"/>
                </a:lnTo>
                <a:lnTo>
                  <a:pt x="1119635" y="73660"/>
                </a:lnTo>
                <a:lnTo>
                  <a:pt x="1161608" y="73660"/>
                </a:lnTo>
                <a:lnTo>
                  <a:pt x="1163091" y="72390"/>
                </a:lnTo>
                <a:lnTo>
                  <a:pt x="3060061" y="72390"/>
                </a:lnTo>
                <a:lnTo>
                  <a:pt x="3077937" y="54610"/>
                </a:lnTo>
                <a:lnTo>
                  <a:pt x="3096321" y="35560"/>
                </a:lnTo>
                <a:lnTo>
                  <a:pt x="3134397" y="0"/>
                </a:lnTo>
              </a:path>
            </a:pathLst>
          </a:custGeom>
          <a:solidFill>
            <a:srgbClr val="4B64AE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5" name="object 15"/>
          <p:cNvSpPr/>
          <p:nvPr/>
        </p:nvSpPr>
        <p:spPr>
          <a:xfrm>
            <a:off x="528727" y="5786997"/>
            <a:ext cx="10146492" cy="910754"/>
          </a:xfrm>
          <a:custGeom>
            <a:avLst/>
            <a:gdLst/>
            <a:ahLst/>
            <a:cxnLst/>
            <a:rect l="l" t="t" r="r" b="b"/>
            <a:pathLst>
              <a:path w="9135110" h="765175">
                <a:moveTo>
                  <a:pt x="0" y="764997"/>
                </a:moveTo>
                <a:lnTo>
                  <a:pt x="9134995" y="764997"/>
                </a:lnTo>
                <a:lnTo>
                  <a:pt x="9134995" y="0"/>
                </a:lnTo>
                <a:lnTo>
                  <a:pt x="0" y="0"/>
                </a:lnTo>
                <a:lnTo>
                  <a:pt x="0" y="764997"/>
                </a:lnTo>
                <a:close/>
              </a:path>
            </a:pathLst>
          </a:custGeom>
          <a:solidFill>
            <a:srgbClr val="3D9644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" name="object 16"/>
          <p:cNvSpPr/>
          <p:nvPr/>
        </p:nvSpPr>
        <p:spPr>
          <a:xfrm>
            <a:off x="9854825" y="6632999"/>
            <a:ext cx="0" cy="171450"/>
          </a:xfrm>
          <a:custGeom>
            <a:avLst/>
            <a:gdLst/>
            <a:ahLst/>
            <a:cxnLst/>
            <a:rect l="l" t="t" r="r" b="b"/>
            <a:pathLst>
              <a:path h="171450">
                <a:moveTo>
                  <a:pt x="0" y="0"/>
                </a:moveTo>
                <a:lnTo>
                  <a:pt x="0" y="171005"/>
                </a:lnTo>
              </a:path>
            </a:pathLst>
          </a:custGeom>
          <a:ln w="6350">
            <a:solidFill>
              <a:srgbClr val="3D9644"/>
            </a:solidFill>
          </a:ln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17" name="object 17"/>
          <p:cNvSpPr txBox="1">
            <a:spLocks noGrp="1"/>
          </p:cNvSpPr>
          <p:nvPr>
            <p:ph type="title"/>
          </p:nvPr>
        </p:nvSpPr>
        <p:spPr>
          <a:xfrm>
            <a:off x="207818" y="330104"/>
            <a:ext cx="9624160" cy="754053"/>
          </a:xfrm>
          <a:prstGeom prst="rect">
            <a:avLst/>
          </a:prstGeom>
        </p:spPr>
        <p:txBody>
          <a:bodyPr vert="horz" wrap="square" lIns="0" tIns="198120" rIns="0" bIns="0" rtlCol="0" anchor="ctr">
            <a:spAutoFit/>
          </a:bodyPr>
          <a:lstStyle/>
          <a:p>
            <a:pPr marL="1252220">
              <a:lnSpc>
                <a:spcPct val="100000"/>
              </a:lnSpc>
            </a:pPr>
            <a:r>
              <a:rPr sz="3600" b="1" spc="95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Р</a:t>
            </a:r>
            <a:r>
              <a:rPr sz="3600" b="1" spc="-75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3600" b="1" spc="10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</a:t>
            </a:r>
            <a:r>
              <a:rPr sz="3600" b="1" spc="20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Х</a:t>
            </a:r>
            <a:r>
              <a:rPr sz="3600" b="1" spc="15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ОД</a:t>
            </a:r>
            <a:r>
              <a:rPr sz="3600" b="1" spc="95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Ы</a:t>
            </a:r>
            <a:r>
              <a:rPr sz="3600" b="1" spc="-175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3600" b="1" spc="55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Н</a:t>
            </a:r>
            <a:r>
              <a:rPr sz="3600" b="1" spc="114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3600" b="1" spc="-175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3600" b="1" spc="145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ЛЕЧЕНИ</a:t>
            </a:r>
            <a:r>
              <a:rPr sz="3600" b="1" spc="180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Е</a:t>
            </a:r>
            <a:r>
              <a:rPr sz="3600" b="1" spc="-175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3600" b="1" spc="-5" dirty="0">
                <a:solidFill>
                  <a:srgbClr val="5E68B2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Д</a:t>
            </a:r>
          </a:p>
        </p:txBody>
      </p:sp>
      <p:sp>
        <p:nvSpPr>
          <p:cNvPr id="18" name="object 18"/>
          <p:cNvSpPr txBox="1"/>
          <p:nvPr/>
        </p:nvSpPr>
        <p:spPr>
          <a:xfrm>
            <a:off x="1080655" y="5986423"/>
            <a:ext cx="8774169" cy="24622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defRPr/>
            </a:pPr>
            <a:r>
              <a:rPr sz="1600" b="1" spc="4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БОЛЬША</a:t>
            </a:r>
            <a:r>
              <a:rPr sz="1600" b="1" spc="7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Я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4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Ч</a:t>
            </a:r>
            <a:r>
              <a:rPr sz="1600" b="1" spc="1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1600" b="1" spc="4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Т</a:t>
            </a:r>
            <a:r>
              <a:rPr sz="1600" b="1" spc="9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Ь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2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З</a:t>
            </a:r>
            <a:r>
              <a:rPr sz="1600" b="1" spc="-6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1600" b="1" spc="7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Т</a:t>
            </a:r>
            <a:r>
              <a:rPr sz="1600" b="1" spc="1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Р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1600" b="1" spc="7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Т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3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Н</a:t>
            </a:r>
            <a:r>
              <a:rPr sz="1600" b="1" spc="7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9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ЛЕЧЕНИ</a:t>
            </a:r>
            <a:r>
              <a:rPr sz="1600" b="1" spc="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Е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-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</a:t>
            </a:r>
            <a:r>
              <a:rPr sz="1600" b="1" spc="4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Д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4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ВЯЗАН</a:t>
            </a:r>
            <a:r>
              <a:rPr sz="1600" b="1" spc="9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8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1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ОСЛ</a:t>
            </a:r>
            <a:r>
              <a:rPr sz="1600" b="1" spc="-1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О</a:t>
            </a:r>
            <a:r>
              <a:rPr sz="1600" b="1" spc="4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ЖНЕНИЯМИ,</a:t>
            </a:r>
            <a:endParaRPr sz="1600" dirty="0">
              <a:solidFill>
                <a:prstClr val="black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9" name="object 19"/>
          <p:cNvSpPr/>
          <p:nvPr/>
        </p:nvSpPr>
        <p:spPr>
          <a:xfrm>
            <a:off x="3582010" y="1098003"/>
            <a:ext cx="5027993" cy="4643996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0" name="object 20"/>
          <p:cNvSpPr/>
          <p:nvPr/>
        </p:nvSpPr>
        <p:spPr>
          <a:xfrm>
            <a:off x="8610870" y="1677477"/>
            <a:ext cx="185420" cy="186055"/>
          </a:xfrm>
          <a:custGeom>
            <a:avLst/>
            <a:gdLst/>
            <a:ahLst/>
            <a:cxnLst/>
            <a:rect l="l" t="t" r="r" b="b"/>
            <a:pathLst>
              <a:path w="185420" h="186055">
                <a:moveTo>
                  <a:pt x="101567" y="0"/>
                </a:moveTo>
                <a:lnTo>
                  <a:pt x="56262" y="8474"/>
                </a:lnTo>
                <a:lnTo>
                  <a:pt x="22428" y="31990"/>
                </a:lnTo>
                <a:lnTo>
                  <a:pt x="2866" y="66518"/>
                </a:lnTo>
                <a:lnTo>
                  <a:pt x="0" y="79777"/>
                </a:lnTo>
                <a:lnTo>
                  <a:pt x="769" y="96493"/>
                </a:lnTo>
                <a:lnTo>
                  <a:pt x="13999" y="139283"/>
                </a:lnTo>
                <a:lnTo>
                  <a:pt x="40615" y="169286"/>
                </a:lnTo>
                <a:lnTo>
                  <a:pt x="76768" y="184253"/>
                </a:lnTo>
                <a:lnTo>
                  <a:pt x="92129" y="185529"/>
                </a:lnTo>
                <a:lnTo>
                  <a:pt x="106706" y="184393"/>
                </a:lnTo>
                <a:lnTo>
                  <a:pt x="145452" y="168732"/>
                </a:lnTo>
                <a:lnTo>
                  <a:pt x="173097" y="138313"/>
                </a:lnTo>
                <a:lnTo>
                  <a:pt x="184984" y="97792"/>
                </a:lnTo>
                <a:lnTo>
                  <a:pt x="183949" y="82276"/>
                </a:lnTo>
                <a:lnTo>
                  <a:pt x="169196" y="41793"/>
                </a:lnTo>
                <a:lnTo>
                  <a:pt x="140306" y="13179"/>
                </a:lnTo>
                <a:lnTo>
                  <a:pt x="101567" y="0"/>
                </a:lnTo>
                <a:close/>
              </a:path>
            </a:pathLst>
          </a:custGeom>
          <a:solidFill>
            <a:srgbClr val="5B63A7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1" name="object 21"/>
          <p:cNvSpPr/>
          <p:nvPr/>
        </p:nvSpPr>
        <p:spPr>
          <a:xfrm>
            <a:off x="8610870" y="2202480"/>
            <a:ext cx="185420" cy="186055"/>
          </a:xfrm>
          <a:custGeom>
            <a:avLst/>
            <a:gdLst/>
            <a:ahLst/>
            <a:cxnLst/>
            <a:rect l="l" t="t" r="r" b="b"/>
            <a:pathLst>
              <a:path w="185420" h="186055">
                <a:moveTo>
                  <a:pt x="101567" y="0"/>
                </a:moveTo>
                <a:lnTo>
                  <a:pt x="56262" y="8474"/>
                </a:lnTo>
                <a:lnTo>
                  <a:pt x="22428" y="31990"/>
                </a:lnTo>
                <a:lnTo>
                  <a:pt x="2866" y="66518"/>
                </a:lnTo>
                <a:lnTo>
                  <a:pt x="0" y="79777"/>
                </a:lnTo>
                <a:lnTo>
                  <a:pt x="769" y="96493"/>
                </a:lnTo>
                <a:lnTo>
                  <a:pt x="13999" y="139283"/>
                </a:lnTo>
                <a:lnTo>
                  <a:pt x="40615" y="169286"/>
                </a:lnTo>
                <a:lnTo>
                  <a:pt x="76768" y="184253"/>
                </a:lnTo>
                <a:lnTo>
                  <a:pt x="92129" y="185529"/>
                </a:lnTo>
                <a:lnTo>
                  <a:pt x="106706" y="184393"/>
                </a:lnTo>
                <a:lnTo>
                  <a:pt x="145452" y="168732"/>
                </a:lnTo>
                <a:lnTo>
                  <a:pt x="173097" y="138313"/>
                </a:lnTo>
                <a:lnTo>
                  <a:pt x="184984" y="97792"/>
                </a:lnTo>
                <a:lnTo>
                  <a:pt x="183949" y="82276"/>
                </a:lnTo>
                <a:lnTo>
                  <a:pt x="169196" y="41793"/>
                </a:lnTo>
                <a:lnTo>
                  <a:pt x="140306" y="13179"/>
                </a:lnTo>
                <a:lnTo>
                  <a:pt x="101567" y="0"/>
                </a:lnTo>
                <a:close/>
              </a:path>
            </a:pathLst>
          </a:custGeom>
          <a:solidFill>
            <a:srgbClr val="E83D47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2" name="object 22"/>
          <p:cNvSpPr txBox="1"/>
          <p:nvPr/>
        </p:nvSpPr>
        <p:spPr>
          <a:xfrm>
            <a:off x="8934050" y="1524000"/>
            <a:ext cx="2842313" cy="85408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5080">
              <a:defRPr/>
            </a:pPr>
            <a:r>
              <a:rPr sz="1200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Лекарственна</a:t>
            </a:r>
            <a:r>
              <a:rPr sz="1200" spc="30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я</a:t>
            </a:r>
            <a:r>
              <a:rPr sz="1200" spc="-95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200" spc="-10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т</a:t>
            </a:r>
            <a:r>
              <a:rPr sz="1200" spc="-5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ерапия</a:t>
            </a:r>
            <a:r>
              <a:rPr sz="1200" spc="-20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200" spc="-5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основног</a:t>
            </a:r>
            <a:r>
              <a:rPr sz="1200" spc="30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о</a:t>
            </a:r>
            <a:r>
              <a:rPr sz="1200" spc="-95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200" spc="-10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заболевания</a:t>
            </a:r>
            <a:endParaRPr sz="1200" dirty="0">
              <a:solidFill>
                <a:prstClr val="black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pPr>
              <a:defRPr/>
            </a:pPr>
            <a:endParaRPr sz="1200" dirty="0">
              <a:solidFill>
                <a:prstClr val="black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pPr marL="12700">
              <a:spcBef>
                <a:spcPts val="885"/>
              </a:spcBef>
              <a:defRPr/>
            </a:pPr>
            <a:r>
              <a:rPr sz="1200" spc="10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Ос</a:t>
            </a:r>
            <a:r>
              <a:rPr sz="1200" spc="-10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тальны</a:t>
            </a:r>
            <a:r>
              <a:rPr sz="1200" spc="20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е</a:t>
            </a:r>
            <a:r>
              <a:rPr sz="1200" spc="-95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200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рас</a:t>
            </a:r>
            <a:r>
              <a:rPr sz="1200" spc="-10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х</a:t>
            </a:r>
            <a:r>
              <a:rPr sz="1200" spc="-35" dirty="0">
                <a:solidFill>
                  <a:srgbClr val="5A5A5C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оды</a:t>
            </a:r>
            <a:endParaRPr sz="1200" dirty="0">
              <a:solidFill>
                <a:prstClr val="black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23" name="object 23"/>
          <p:cNvSpPr/>
          <p:nvPr/>
        </p:nvSpPr>
        <p:spPr>
          <a:xfrm>
            <a:off x="7749119" y="3178140"/>
            <a:ext cx="906144" cy="481330"/>
          </a:xfrm>
          <a:custGeom>
            <a:avLst/>
            <a:gdLst/>
            <a:ahLst/>
            <a:cxnLst/>
            <a:rect l="l" t="t" r="r" b="b"/>
            <a:pathLst>
              <a:path w="906145" h="481329">
                <a:moveTo>
                  <a:pt x="78139" y="0"/>
                </a:moveTo>
                <a:lnTo>
                  <a:pt x="35677" y="946"/>
                </a:lnTo>
                <a:lnTo>
                  <a:pt x="2246" y="25542"/>
                </a:lnTo>
                <a:lnTo>
                  <a:pt x="0" y="426800"/>
                </a:lnTo>
                <a:lnTo>
                  <a:pt x="827" y="445297"/>
                </a:lnTo>
                <a:lnTo>
                  <a:pt x="25418" y="478734"/>
                </a:lnTo>
                <a:lnTo>
                  <a:pt x="60413" y="481058"/>
                </a:lnTo>
                <a:lnTo>
                  <a:pt x="851584" y="480983"/>
                </a:lnTo>
                <a:lnTo>
                  <a:pt x="893489" y="473535"/>
                </a:lnTo>
                <a:lnTo>
                  <a:pt x="905843" y="420575"/>
                </a:lnTo>
                <a:lnTo>
                  <a:pt x="905768" y="54291"/>
                </a:lnTo>
                <a:lnTo>
                  <a:pt x="898319" y="12393"/>
                </a:lnTo>
                <a:lnTo>
                  <a:pt x="845346" y="43"/>
                </a:lnTo>
                <a:lnTo>
                  <a:pt x="78139" y="0"/>
                </a:lnTo>
                <a:close/>
              </a:path>
            </a:pathLst>
          </a:custGeom>
          <a:solidFill>
            <a:srgbClr val="4B63AE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4" name="object 24"/>
          <p:cNvSpPr txBox="1"/>
          <p:nvPr/>
        </p:nvSpPr>
        <p:spPr>
          <a:xfrm>
            <a:off x="7865081" y="3247230"/>
            <a:ext cx="669925" cy="492443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defRPr/>
            </a:pPr>
            <a:r>
              <a:rPr sz="3200" b="1" spc="100" dirty="0">
                <a:solidFill>
                  <a:srgbClr val="FFFFFF"/>
                </a:solidFill>
                <a:latin typeface="Calibri"/>
                <a:cs typeface="Calibri"/>
              </a:rPr>
              <a:t>26</a:t>
            </a:r>
            <a:r>
              <a:rPr sz="2250" b="1" spc="-35" dirty="0">
                <a:solidFill>
                  <a:srgbClr val="FFFFFF"/>
                </a:solidFill>
                <a:latin typeface="Calibri"/>
                <a:cs typeface="Calibri"/>
              </a:rPr>
              <a:t>%</a:t>
            </a:r>
            <a:endParaRPr sz="2250">
              <a:solidFill>
                <a:prstClr val="black"/>
              </a:solidFill>
              <a:latin typeface="Calibri"/>
              <a:cs typeface="Calibri"/>
            </a:endParaRPr>
          </a:p>
        </p:txBody>
      </p:sp>
      <p:sp>
        <p:nvSpPr>
          <p:cNvPr id="25" name="object 25"/>
          <p:cNvSpPr/>
          <p:nvPr/>
        </p:nvSpPr>
        <p:spPr>
          <a:xfrm>
            <a:off x="3540066" y="3193832"/>
            <a:ext cx="906144" cy="481330"/>
          </a:xfrm>
          <a:custGeom>
            <a:avLst/>
            <a:gdLst/>
            <a:ahLst/>
            <a:cxnLst/>
            <a:rect l="l" t="t" r="r" b="b"/>
            <a:pathLst>
              <a:path w="906144" h="481329">
                <a:moveTo>
                  <a:pt x="107933" y="0"/>
                </a:moveTo>
                <a:lnTo>
                  <a:pt x="62515" y="496"/>
                </a:lnTo>
                <a:lnTo>
                  <a:pt x="21471" y="7761"/>
                </a:lnTo>
                <a:lnTo>
                  <a:pt x="1654" y="45262"/>
                </a:lnTo>
                <a:lnTo>
                  <a:pt x="0" y="82639"/>
                </a:lnTo>
                <a:lnTo>
                  <a:pt x="7" y="398461"/>
                </a:lnTo>
                <a:lnTo>
                  <a:pt x="3906" y="448995"/>
                </a:lnTo>
                <a:lnTo>
                  <a:pt x="31722" y="477048"/>
                </a:lnTo>
                <a:lnTo>
                  <a:pt x="82572" y="481034"/>
                </a:lnTo>
                <a:lnTo>
                  <a:pt x="822700" y="481039"/>
                </a:lnTo>
                <a:lnTo>
                  <a:pt x="843355" y="480604"/>
                </a:lnTo>
                <a:lnTo>
                  <a:pt x="884399" y="473340"/>
                </a:lnTo>
                <a:lnTo>
                  <a:pt x="904216" y="435838"/>
                </a:lnTo>
                <a:lnTo>
                  <a:pt x="905870" y="398461"/>
                </a:lnTo>
                <a:lnTo>
                  <a:pt x="905863" y="82639"/>
                </a:lnTo>
                <a:lnTo>
                  <a:pt x="901964" y="32106"/>
                </a:lnTo>
                <a:lnTo>
                  <a:pt x="874148" y="4053"/>
                </a:lnTo>
                <a:lnTo>
                  <a:pt x="823298" y="67"/>
                </a:lnTo>
                <a:lnTo>
                  <a:pt x="107933" y="0"/>
                </a:lnTo>
                <a:close/>
              </a:path>
            </a:pathLst>
          </a:custGeom>
          <a:solidFill>
            <a:srgbClr val="E83D47"/>
          </a:solidFill>
        </p:spPr>
        <p:txBody>
          <a:bodyPr wrap="square" lIns="0" tIns="0" rIns="0" bIns="0" rtlCol="0"/>
          <a:lstStyle/>
          <a:p>
            <a:pPr>
              <a:defRPr/>
            </a:pPr>
            <a:endParaRPr>
              <a:solidFill>
                <a:prstClr val="black"/>
              </a:solidFill>
              <a:latin typeface="Calibri"/>
            </a:endParaRPr>
          </a:p>
        </p:txBody>
      </p:sp>
      <p:sp>
        <p:nvSpPr>
          <p:cNvPr id="26" name="object 26"/>
          <p:cNvSpPr txBox="1"/>
          <p:nvPr/>
        </p:nvSpPr>
        <p:spPr>
          <a:xfrm>
            <a:off x="3666165" y="3262922"/>
            <a:ext cx="636905" cy="492443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defRPr/>
            </a:pPr>
            <a:r>
              <a:rPr sz="3200" b="1" spc="-75" dirty="0">
                <a:solidFill>
                  <a:srgbClr val="FFFFFF"/>
                </a:solidFill>
                <a:latin typeface="Calibri"/>
                <a:cs typeface="Calibri"/>
              </a:rPr>
              <a:t>7</a:t>
            </a:r>
            <a:r>
              <a:rPr sz="3200" b="1" spc="20" dirty="0">
                <a:solidFill>
                  <a:srgbClr val="FFFFFF"/>
                </a:solidFill>
                <a:latin typeface="Calibri"/>
                <a:cs typeface="Calibri"/>
              </a:rPr>
              <a:t>4</a:t>
            </a:r>
            <a:r>
              <a:rPr sz="2250" b="1" spc="-35" dirty="0">
                <a:solidFill>
                  <a:srgbClr val="FFFFFF"/>
                </a:solidFill>
                <a:latin typeface="Calibri"/>
                <a:cs typeface="Calibri"/>
              </a:rPr>
              <a:t>%</a:t>
            </a:r>
            <a:endParaRPr sz="2250">
              <a:solidFill>
                <a:prstClr val="black"/>
              </a:solidFill>
              <a:latin typeface="Calibri"/>
              <a:cs typeface="Calibri"/>
            </a:endParaRPr>
          </a:p>
        </p:txBody>
      </p:sp>
      <p:sp>
        <p:nvSpPr>
          <p:cNvPr id="28" name="object 28"/>
          <p:cNvSpPr txBox="1"/>
          <p:nvPr/>
        </p:nvSpPr>
        <p:spPr>
          <a:xfrm>
            <a:off x="612784" y="5232282"/>
            <a:ext cx="3380354" cy="41973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5080">
              <a:lnSpc>
                <a:spcPct val="101000"/>
              </a:lnSpc>
              <a:defRPr/>
            </a:pPr>
            <a:r>
              <a:rPr sz="900" spc="-2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Дедо</a:t>
            </a:r>
            <a:r>
              <a:rPr sz="90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в</a:t>
            </a:r>
            <a:r>
              <a:rPr sz="900" spc="-8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900" spc="-6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И.И.</a:t>
            </a:r>
            <a:r>
              <a:rPr sz="900" spc="-2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,</a:t>
            </a:r>
            <a:r>
              <a:rPr sz="900" spc="-8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900" spc="-1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Омельяновски</a:t>
            </a:r>
            <a:r>
              <a:rPr sz="900" spc="1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й</a:t>
            </a:r>
            <a:r>
              <a:rPr sz="900" spc="-8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900" spc="-4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В.В.,</a:t>
            </a:r>
            <a:r>
              <a:rPr sz="900" spc="-3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900" spc="1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Шес</a:t>
            </a:r>
            <a:r>
              <a:rPr sz="900" spc="-1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т</a:t>
            </a:r>
            <a:r>
              <a:rPr sz="90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900" spc="-1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к</a:t>
            </a:r>
            <a:r>
              <a:rPr sz="900" spc="-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ов</a:t>
            </a:r>
            <a:r>
              <a:rPr sz="900" spc="2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900" spc="-8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900" spc="-6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М.В.</a:t>
            </a:r>
            <a:r>
              <a:rPr sz="900" spc="-2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,</a:t>
            </a:r>
            <a:r>
              <a:rPr sz="900" spc="-8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90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в</a:t>
            </a:r>
            <a:r>
              <a:rPr sz="900" spc="-1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к</a:t>
            </a:r>
            <a:r>
              <a:rPr sz="900" spc="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</a:t>
            </a:r>
            <a:r>
              <a:rPr sz="900" spc="-1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ентьева</a:t>
            </a:r>
            <a:r>
              <a:rPr sz="900" spc="-2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900" spc="-6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М.В.</a:t>
            </a:r>
            <a:r>
              <a:rPr sz="900" spc="-2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,</a:t>
            </a:r>
            <a:r>
              <a:rPr sz="900" spc="-8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900" spc="1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Игн</a:t>
            </a:r>
            <a:r>
              <a:rPr sz="90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900" spc="-1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тьев</a:t>
            </a:r>
            <a:r>
              <a:rPr sz="900" spc="2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900" spc="-8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900" spc="-5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В.И.</a:t>
            </a:r>
            <a:r>
              <a:rPr sz="900" spc="-1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,</a:t>
            </a:r>
            <a:r>
              <a:rPr sz="900" spc="-8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900" spc="1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а</a:t>
            </a:r>
            <a:r>
              <a:rPr sz="900" spc="-5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х</a:t>
            </a:r>
            <a:r>
              <a:rPr sz="900" spc="-1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рный</a:t>
            </a:r>
            <a:r>
              <a:rPr sz="900" spc="-2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диабе</a:t>
            </a:r>
            <a:r>
              <a:rPr sz="900" spc="-6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т</a:t>
            </a:r>
            <a:r>
              <a:rPr sz="900" spc="-8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, </a:t>
            </a:r>
            <a:r>
              <a:rPr sz="900" spc="-1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201</a:t>
            </a:r>
            <a:r>
              <a:rPr sz="900" spc="1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6</a:t>
            </a:r>
            <a:r>
              <a:rPr sz="900" spc="-6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-1</a:t>
            </a:r>
            <a:r>
              <a:rPr sz="900" spc="-2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,</a:t>
            </a:r>
            <a:r>
              <a:rPr sz="900" spc="-8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900" spc="1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2</a:t>
            </a:r>
            <a:r>
              <a:rPr sz="900" spc="30" dirty="0">
                <a:solidFill>
                  <a:srgbClr val="231F2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9-43</a:t>
            </a:r>
            <a:endParaRPr sz="900" dirty="0">
              <a:solidFill>
                <a:prstClr val="black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29" name="object 29"/>
          <p:cNvSpPr txBox="1"/>
          <p:nvPr/>
        </p:nvSpPr>
        <p:spPr>
          <a:xfrm>
            <a:off x="1968500" y="6391319"/>
            <a:ext cx="8386705" cy="24622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defRPr/>
            </a:pPr>
            <a:r>
              <a:rPr sz="1600" b="1" spc="3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ПРЯМЫМ</a:t>
            </a:r>
            <a:r>
              <a:rPr sz="1600" b="1" spc="7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И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3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НЕМЕДИЦИНСКИМ</a:t>
            </a:r>
            <a:r>
              <a:rPr sz="1600" b="1" spc="7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И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8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И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4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НЕПРЯМЫМ</a:t>
            </a:r>
            <a:r>
              <a:rPr sz="1600" b="1" spc="8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И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sz="1600" b="1" spc="2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З</a:t>
            </a:r>
            <a:r>
              <a:rPr sz="1600" b="1" spc="-6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1600" b="1" spc="7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Т</a:t>
            </a:r>
            <a:r>
              <a:rPr sz="1600" b="1" spc="15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Р</a:t>
            </a:r>
            <a:r>
              <a:rPr sz="1600" b="1" spc="-11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</a:t>
            </a:r>
            <a:r>
              <a:rPr sz="1600" b="1" spc="-7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Т</a:t>
            </a:r>
            <a:r>
              <a:rPr sz="1600" b="1" spc="-20" dirty="0">
                <a:solidFill>
                  <a:srgbClr val="FFFFFF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АМИ</a:t>
            </a:r>
            <a:endParaRPr sz="1600" dirty="0">
              <a:solidFill>
                <a:prstClr val="black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6392557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Rectangle: Rounded Corners 110">
            <a:extLst>
              <a:ext uri="{FF2B5EF4-FFF2-40B4-BE49-F238E27FC236}">
                <a16:creationId xmlns:a16="http://schemas.microsoft.com/office/drawing/2014/main" xmlns="" id="{B0A95D74-D9A2-4BA0-B76E-789501E8EC23}"/>
              </a:ext>
            </a:extLst>
          </p:cNvPr>
          <p:cNvSpPr/>
          <p:nvPr/>
        </p:nvSpPr>
        <p:spPr>
          <a:xfrm>
            <a:off x="353846" y="1995296"/>
            <a:ext cx="3421866" cy="324000"/>
          </a:xfrm>
          <a:prstGeom prst="roundRect">
            <a:avLst>
              <a:gd name="adj" fmla="val 0"/>
            </a:avLst>
          </a:prstGeom>
          <a:solidFill>
            <a:srgbClr val="E9EBED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Ins="365760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355582" algn="ctr" defTabSz="1219140" rtl="0">
              <a:defRPr/>
            </a:pPr>
            <a:r>
              <a:rPr lang="ru-RU" sz="1400" b="1" i="0" u="none" strike="noStrike" dirty="0">
                <a:solidFill>
                  <a:schemeClr val="tx1"/>
                </a:solidFill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2018</a:t>
            </a:r>
          </a:p>
        </p:txBody>
      </p:sp>
      <p:sp>
        <p:nvSpPr>
          <p:cNvPr id="73" name="Titel 1">
            <a:extLst>
              <a:ext uri="{FF2B5EF4-FFF2-40B4-BE49-F238E27FC236}">
                <a16:creationId xmlns:a16="http://schemas.microsoft.com/office/drawing/2014/main" xmlns="" id="{23B166FB-551C-944A-A2CB-CA719411A4BA}"/>
              </a:ext>
            </a:extLst>
          </p:cNvPr>
          <p:cNvSpPr txBox="1"/>
          <p:nvPr/>
        </p:nvSpPr>
        <p:spPr>
          <a:xfrm>
            <a:off x="612000" y="612000"/>
            <a:ext cx="10995091" cy="1292866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3600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ru-RU" sz="2400" b="0" i="0" u="none" strike="noStrike" dirty="0">
                <a:solidFill>
                  <a:schemeClr val="tx1"/>
                </a:solidFill>
                <a:highlight>
                  <a:srgbClr val="000000">
                    <a:alpha val="0"/>
                  </a:srgbClr>
                </a:highlight>
                <a:latin typeface="Verdana" pitchFamily="34" charset="0"/>
                <a:ea typeface="Verdana" pitchFamily="34" charset="0"/>
                <a:cs typeface="Verdana" pitchFamily="34" charset="0"/>
              </a:rPr>
              <a:t>В последних медицинских руководствах / рекомендациях подчеркивается необходимость </a:t>
            </a:r>
            <a:r>
              <a:rPr lang="ru-RU" sz="2400" b="1" i="0" u="none" strike="noStrike" dirty="0">
                <a:solidFill>
                  <a:schemeClr val="tx1"/>
                </a:solidFill>
                <a:highlight>
                  <a:srgbClr val="000000">
                    <a:alpha val="0"/>
                  </a:srgbClr>
                </a:highlight>
                <a:latin typeface="Verdana" pitchFamily="34" charset="0"/>
                <a:ea typeface="Verdana" pitchFamily="34" charset="0"/>
                <a:cs typeface="Verdana" pitchFamily="34" charset="0"/>
              </a:rPr>
              <a:t>уделять приоритетное внимание управлению рисками для сердечно-сосудистой системы</a:t>
            </a:r>
            <a:endParaRPr lang="da-DK" sz="2400" b="1" dirty="0">
              <a:solidFill>
                <a:schemeClr val="tx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50" name="Rectangle: Rounded Corners 282">
            <a:extLst>
              <a:ext uri="{FF2B5EF4-FFF2-40B4-BE49-F238E27FC236}">
                <a16:creationId xmlns:a16="http://schemas.microsoft.com/office/drawing/2014/main" xmlns="" id="{AB700139-3AC5-4168-B9E5-133B9C112B88}"/>
              </a:ext>
            </a:extLst>
          </p:cNvPr>
          <p:cNvSpPr/>
          <p:nvPr/>
        </p:nvSpPr>
        <p:spPr>
          <a:xfrm>
            <a:off x="2065953" y="4181195"/>
            <a:ext cx="1621700" cy="928129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 w="9525">
            <a:solidFill>
              <a:srgbClr val="D4D7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4384" rIns="24384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219140">
              <a:defRPr/>
            </a:pPr>
            <a:endParaRPr lang="en-CA" sz="1200" kern="0">
              <a:solidFill>
                <a:schemeClr val="tx1"/>
              </a:solidFill>
              <a:ea typeface="Apis For Office" panose="020B0504010101010104" charset="0"/>
              <a:cs typeface="Apis For Office" panose="020B0504010101010104" charset="0"/>
            </a:endParaRPr>
          </a:p>
        </p:txBody>
      </p:sp>
      <p:sp>
        <p:nvSpPr>
          <p:cNvPr id="151" name="TextBox 284">
            <a:extLst>
              <a:ext uri="{FF2B5EF4-FFF2-40B4-BE49-F238E27FC236}">
                <a16:creationId xmlns:a16="http://schemas.microsoft.com/office/drawing/2014/main" xmlns="" id="{B7314FC1-2008-4556-857F-4CF2FBCB3C4C}"/>
              </a:ext>
            </a:extLst>
          </p:cNvPr>
          <p:cNvSpPr txBox="1"/>
          <p:nvPr/>
        </p:nvSpPr>
        <p:spPr>
          <a:xfrm>
            <a:off x="2135176" y="4722714"/>
            <a:ext cx="1501317" cy="420757"/>
          </a:xfrm>
          <a:prstGeom prst="rect">
            <a:avLst/>
          </a:prstGeom>
          <a:noFill/>
        </p:spPr>
        <p:txBody>
          <a:bodyPr wrap="none" rtlCol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54" rtl="0">
              <a:lnSpc>
                <a:spcPct val="90000"/>
              </a:lnSpc>
              <a:defRPr/>
            </a:pPr>
            <a:r>
              <a:rPr lang="ru-RU" sz="1000" b="0" i="0" u="none" strike="noStrike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Путь принятия решения, </a:t>
            </a:r>
            <a:endParaRPr lang="en-US" sz="1000" b="0" i="0" u="none" strike="noStrike" dirty="0">
              <a:highlight>
                <a:srgbClr val="000000">
                  <a:alpha val="0"/>
                </a:srgbClr>
              </a:highlight>
              <a:ea typeface="Apis For Office" panose="020B0504010101010104" charset="0"/>
              <a:cs typeface="Apis For Office" panose="020B0504010101010104" charset="0"/>
            </a:endParaRPr>
          </a:p>
          <a:p>
            <a:pPr algn="ctr" defTabSz="914354" rtl="0">
              <a:lnSpc>
                <a:spcPct val="90000"/>
              </a:lnSpc>
              <a:defRPr/>
            </a:pPr>
            <a:r>
              <a:rPr lang="ru-RU" sz="1000" b="0" i="0" u="none" strike="noStrike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предлагаемый ACC </a:t>
            </a:r>
          </a:p>
        </p:txBody>
      </p:sp>
      <p:pic>
        <p:nvPicPr>
          <p:cNvPr id="152" name="Picture 151">
            <a:extLst>
              <a:ext uri="{FF2B5EF4-FFF2-40B4-BE49-F238E27FC236}">
                <a16:creationId xmlns:a16="http://schemas.microsoft.com/office/drawing/2014/main" xmlns="" id="{AF0D8B1C-B36C-4F9F-9B37-313DC59DF22B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29664" y="4198585"/>
            <a:ext cx="873669" cy="506739"/>
          </a:xfrm>
          <a:prstGeom prst="rect">
            <a:avLst/>
          </a:prstGeom>
          <a:ln>
            <a:noFill/>
          </a:ln>
          <a:effectLst/>
        </p:spPr>
      </p:pic>
      <p:sp>
        <p:nvSpPr>
          <p:cNvPr id="142" name="Rectangle: Rounded Corners 366">
            <a:extLst>
              <a:ext uri="{FF2B5EF4-FFF2-40B4-BE49-F238E27FC236}">
                <a16:creationId xmlns:a16="http://schemas.microsoft.com/office/drawing/2014/main" xmlns="" id="{2F8E7ACD-D14A-4E13-BBF9-BE8D01B8A614}"/>
              </a:ext>
            </a:extLst>
          </p:cNvPr>
          <p:cNvSpPr/>
          <p:nvPr/>
        </p:nvSpPr>
        <p:spPr>
          <a:xfrm>
            <a:off x="5810362" y="5359285"/>
            <a:ext cx="2157147" cy="1047576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 w="9525">
            <a:solidFill>
              <a:srgbClr val="D4D7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4384" rIns="24384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219140">
              <a:defRPr/>
            </a:pPr>
            <a:endParaRPr lang="en-CA" sz="1200" kern="0">
              <a:solidFill>
                <a:schemeClr val="tx1"/>
              </a:solidFill>
              <a:ea typeface="Apis For Office" panose="020B0504010101010104" charset="0"/>
              <a:cs typeface="Apis For Office" panose="020B0504010101010104" charset="0"/>
            </a:endParaRPr>
          </a:p>
        </p:txBody>
      </p:sp>
      <p:sp>
        <p:nvSpPr>
          <p:cNvPr id="146" name="Rectangle 145">
            <a:extLst>
              <a:ext uri="{FF2B5EF4-FFF2-40B4-BE49-F238E27FC236}">
                <a16:creationId xmlns:a16="http://schemas.microsoft.com/office/drawing/2014/main" xmlns="" id="{2363FB48-8EB5-4D35-9E16-2E155EF1B7B9}"/>
              </a:ext>
            </a:extLst>
          </p:cNvPr>
          <p:cNvSpPr/>
          <p:nvPr/>
        </p:nvSpPr>
        <p:spPr>
          <a:xfrm>
            <a:off x="6143730" y="5379153"/>
            <a:ext cx="1285129" cy="276999"/>
          </a:xfrm>
          <a:prstGeom prst="rect">
            <a:avLst/>
          </a:prstGeom>
          <a:ln>
            <a:noFill/>
          </a:ln>
        </p:spPr>
        <p:txBody>
          <a:bodyPr wrap="square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54" rtl="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ru-RU" sz="1200" b="1" i="0" u="none" strike="noStrike" kern="0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ACC/AHA</a:t>
            </a:r>
          </a:p>
        </p:txBody>
      </p:sp>
      <p:sp>
        <p:nvSpPr>
          <p:cNvPr id="144" name="TextBox 367">
            <a:extLst>
              <a:ext uri="{FF2B5EF4-FFF2-40B4-BE49-F238E27FC236}">
                <a16:creationId xmlns:a16="http://schemas.microsoft.com/office/drawing/2014/main" xmlns="" id="{4598127D-7A3D-48C4-8E4A-7AB7950BD807}"/>
              </a:ext>
            </a:extLst>
          </p:cNvPr>
          <p:cNvSpPr txBox="1"/>
          <p:nvPr/>
        </p:nvSpPr>
        <p:spPr>
          <a:xfrm>
            <a:off x="5891213" y="5953019"/>
            <a:ext cx="2143855" cy="420756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54" rtl="0">
              <a:lnSpc>
                <a:spcPct val="90000"/>
              </a:lnSpc>
              <a:defRPr/>
            </a:pPr>
            <a:r>
              <a:rPr lang="ru-RU" sz="1000" b="0" i="0" u="none" strike="noStrike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Руководства по</a:t>
            </a:r>
            <a:r>
              <a:rPr lang="en-US" sz="1000" b="0" i="0" u="none" strike="noStrike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 </a:t>
            </a:r>
            <a:r>
              <a:rPr lang="ru-RU" sz="1000" b="0" i="0" u="none" strike="noStrike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первичной</a:t>
            </a:r>
            <a:r>
              <a:rPr lang="en-US" sz="1000" b="0" i="0" u="none" strike="noStrike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 </a:t>
            </a:r>
            <a:r>
              <a:rPr lang="ru-RU" sz="1000" b="0" i="0" u="none" strike="noStrike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профилактике ССЗ</a:t>
            </a:r>
          </a:p>
        </p:txBody>
      </p:sp>
      <p:pic>
        <p:nvPicPr>
          <p:cNvPr id="140" name="Picture 139">
            <a:extLst>
              <a:ext uri="{FF2B5EF4-FFF2-40B4-BE49-F238E27FC236}">
                <a16:creationId xmlns:a16="http://schemas.microsoft.com/office/drawing/2014/main" xmlns="" id="{DD73372E-0199-4C6E-BD90-9A55C733850B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887267" y="5656152"/>
            <a:ext cx="991410" cy="259635"/>
          </a:xfrm>
          <a:prstGeom prst="rect">
            <a:avLst/>
          </a:prstGeom>
        </p:spPr>
      </p:pic>
      <p:pic>
        <p:nvPicPr>
          <p:cNvPr id="141" name="Picture 140">
            <a:extLst>
              <a:ext uri="{FF2B5EF4-FFF2-40B4-BE49-F238E27FC236}">
                <a16:creationId xmlns:a16="http://schemas.microsoft.com/office/drawing/2014/main" xmlns="" id="{AE5C2374-F979-4C49-AFC6-B938D67FE814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36801" y="5578550"/>
            <a:ext cx="928965" cy="314548"/>
          </a:xfrm>
          <a:prstGeom prst="rect">
            <a:avLst/>
          </a:prstGeom>
        </p:spPr>
      </p:pic>
      <p:sp>
        <p:nvSpPr>
          <p:cNvPr id="135" name="Rectangle: Rounded Corners 290">
            <a:extLst>
              <a:ext uri="{FF2B5EF4-FFF2-40B4-BE49-F238E27FC236}">
                <a16:creationId xmlns:a16="http://schemas.microsoft.com/office/drawing/2014/main" xmlns="" id="{5710FA81-F9CD-432B-ACD3-3FB59679D3DE}"/>
              </a:ext>
            </a:extLst>
          </p:cNvPr>
          <p:cNvSpPr/>
          <p:nvPr/>
        </p:nvSpPr>
        <p:spPr>
          <a:xfrm>
            <a:off x="5447445" y="3465307"/>
            <a:ext cx="1480185" cy="1458124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 w="9525">
            <a:solidFill>
              <a:srgbClr val="D4D7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4384" rIns="24384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219140">
              <a:defRPr/>
            </a:pPr>
            <a:endParaRPr lang="en-CA" sz="1200" kern="0">
              <a:solidFill>
                <a:schemeClr val="tx1"/>
              </a:solidFill>
              <a:ea typeface="Apis For Office" panose="020B0504010101010104" charset="0"/>
              <a:cs typeface="Apis For Office" panose="020B0504010101010104" charset="0"/>
            </a:endParaRPr>
          </a:p>
        </p:txBody>
      </p:sp>
      <p:sp>
        <p:nvSpPr>
          <p:cNvPr id="136" name="Rectangle 135">
            <a:extLst>
              <a:ext uri="{FF2B5EF4-FFF2-40B4-BE49-F238E27FC236}">
                <a16:creationId xmlns:a16="http://schemas.microsoft.com/office/drawing/2014/main" xmlns="" id="{8AD51CD1-47CB-4CFA-9371-89CFD5A0D0D4}"/>
              </a:ext>
            </a:extLst>
          </p:cNvPr>
          <p:cNvSpPr/>
          <p:nvPr/>
        </p:nvSpPr>
        <p:spPr>
          <a:xfrm>
            <a:off x="5564948" y="3404531"/>
            <a:ext cx="1030664" cy="385555"/>
          </a:xfrm>
          <a:prstGeom prst="rect">
            <a:avLst/>
          </a:prstGeom>
          <a:ln>
            <a:noFill/>
          </a:ln>
        </p:spPr>
        <p:txBody>
          <a:bodyPr wrap="square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54" rtl="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ru-RU" sz="1200" b="1" i="0" u="none" strike="noStrike" kern="0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EPCCS</a:t>
            </a:r>
          </a:p>
        </p:txBody>
      </p:sp>
      <p:sp>
        <p:nvSpPr>
          <p:cNvPr id="131" name="TextBox 6">
            <a:extLst>
              <a:ext uri="{FF2B5EF4-FFF2-40B4-BE49-F238E27FC236}">
                <a16:creationId xmlns:a16="http://schemas.microsoft.com/office/drawing/2014/main" xmlns="" id="{8A64036F-7FC6-4EB1-AD7E-D0178015090C}"/>
              </a:ext>
            </a:extLst>
          </p:cNvPr>
          <p:cNvSpPr txBox="1"/>
          <p:nvPr/>
        </p:nvSpPr>
        <p:spPr>
          <a:xfrm>
            <a:off x="5365767" y="4245867"/>
            <a:ext cx="1663229" cy="585651"/>
          </a:xfrm>
          <a:prstGeom prst="rect">
            <a:avLst/>
          </a:prstGeom>
          <a:noFill/>
        </p:spPr>
        <p:txBody>
          <a:bodyPr wrap="square" rtlCol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77" rtl="0">
              <a:lnSpc>
                <a:spcPct val="90000"/>
              </a:lnSpc>
              <a:defRPr/>
            </a:pPr>
            <a:r>
              <a:rPr lang="ru-RU" sz="1000" b="0" i="0" u="none" strike="noStrike" kern="0" dirty="0" err="1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Консенсусное</a:t>
            </a:r>
            <a:r>
              <a:rPr lang="en-US" sz="1000" kern="0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 </a:t>
            </a:r>
            <a:r>
              <a:rPr lang="ru-RU" sz="1000" b="0" i="0" u="none" strike="noStrike" kern="0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руководство по оказанию первичной медицинской помощи</a:t>
            </a:r>
            <a:endParaRPr lang="en-GB" sz="1067" dirty="0">
              <a:ea typeface="Apis For Office" panose="020B0504010101010104" charset="0"/>
              <a:cs typeface="Apis For Office" panose="020B0504010101010104" charset="0"/>
            </a:endParaRPr>
          </a:p>
        </p:txBody>
      </p:sp>
      <p:pic>
        <p:nvPicPr>
          <p:cNvPr id="132" name="Picture 131">
            <a:extLst>
              <a:ext uri="{FF2B5EF4-FFF2-40B4-BE49-F238E27FC236}">
                <a16:creationId xmlns:a16="http://schemas.microsoft.com/office/drawing/2014/main" xmlns="" id="{247BDC55-AAB8-4FD9-A69E-6490556F6D03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76699" y="3674969"/>
            <a:ext cx="1313894" cy="544690"/>
          </a:xfrm>
          <a:prstGeom prst="rect">
            <a:avLst/>
          </a:prstGeom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</p:pic>
      <p:sp>
        <p:nvSpPr>
          <p:cNvPr id="122" name="Rectangle: Rounded Corners 316">
            <a:extLst>
              <a:ext uri="{FF2B5EF4-FFF2-40B4-BE49-F238E27FC236}">
                <a16:creationId xmlns:a16="http://schemas.microsoft.com/office/drawing/2014/main" xmlns="" id="{1C364722-DAAF-4288-93BC-59E7823D73BB}"/>
              </a:ext>
            </a:extLst>
          </p:cNvPr>
          <p:cNvSpPr/>
          <p:nvPr/>
        </p:nvSpPr>
        <p:spPr>
          <a:xfrm>
            <a:off x="3912704" y="2454793"/>
            <a:ext cx="1124017" cy="1752000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 w="9525">
            <a:solidFill>
              <a:srgbClr val="D4D7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4384" rIns="24384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219140">
              <a:defRPr/>
            </a:pPr>
            <a:endParaRPr lang="en-CA" sz="1200" kern="0">
              <a:solidFill>
                <a:schemeClr val="tx1"/>
              </a:solidFill>
              <a:ea typeface="Apis For Office" panose="020B0504010101010104" charset="0"/>
              <a:cs typeface="Apis For Office" panose="020B0504010101010104" charset="0"/>
            </a:endParaRPr>
          </a:p>
        </p:txBody>
      </p:sp>
      <p:grpSp>
        <p:nvGrpSpPr>
          <p:cNvPr id="125" name="Group 124">
            <a:extLst>
              <a:ext uri="{FF2B5EF4-FFF2-40B4-BE49-F238E27FC236}">
                <a16:creationId xmlns:a16="http://schemas.microsoft.com/office/drawing/2014/main" xmlns="" id="{B547A08D-7498-43D9-A896-8E5D91179BB1}"/>
              </a:ext>
            </a:extLst>
          </p:cNvPr>
          <p:cNvGrpSpPr/>
          <p:nvPr/>
        </p:nvGrpSpPr>
        <p:grpSpPr>
          <a:xfrm>
            <a:off x="3967463" y="2413999"/>
            <a:ext cx="1014501" cy="1664064"/>
            <a:chOff x="9447863" y="3648526"/>
            <a:chExt cx="760876" cy="1248048"/>
          </a:xfrm>
        </p:grpSpPr>
        <p:sp>
          <p:nvSpPr>
            <p:cNvPr id="126" name="Rectangle 125">
              <a:extLst>
                <a:ext uri="{FF2B5EF4-FFF2-40B4-BE49-F238E27FC236}">
                  <a16:creationId xmlns:a16="http://schemas.microsoft.com/office/drawing/2014/main" xmlns="" id="{3B06926A-3B9B-409D-ACCF-857A8E770AEC}"/>
                </a:ext>
              </a:extLst>
            </p:cNvPr>
            <p:cNvSpPr/>
            <p:nvPr/>
          </p:nvSpPr>
          <p:spPr>
            <a:xfrm>
              <a:off x="9501972" y="3648526"/>
              <a:ext cx="613094" cy="207749"/>
            </a:xfrm>
            <a:prstGeom prst="rect">
              <a:avLst/>
            </a:prstGeom>
            <a:ln>
              <a:noFill/>
            </a:ln>
          </p:spPr>
          <p:txBody>
            <a:bodyPr wrap="square">
              <a:no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 defTabSz="914354" rtl="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ru-RU" sz="1200" b="1" i="0" u="none" strike="noStrike" kern="0" dirty="0">
                  <a:highlight>
                    <a:srgbClr val="000000">
                      <a:alpha val="0"/>
                    </a:srgbClr>
                  </a:highlight>
                  <a:ea typeface="Apis For Office" panose="020B0504010101010104" charset="0"/>
                  <a:cs typeface="Apis For Office" panose="020B0504010101010104" charset="0"/>
                </a:rPr>
                <a:t>ADA</a:t>
              </a:r>
            </a:p>
          </p:txBody>
        </p:sp>
        <p:pic>
          <p:nvPicPr>
            <p:cNvPr id="127" name="Picture 126">
              <a:extLst>
                <a:ext uri="{FF2B5EF4-FFF2-40B4-BE49-F238E27FC236}">
                  <a16:creationId xmlns:a16="http://schemas.microsoft.com/office/drawing/2014/main" xmlns="" id="{5E452C76-9779-4045-AB12-792349AC611F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9447863" y="3854538"/>
              <a:ext cx="760876" cy="1042036"/>
            </a:xfrm>
            <a:prstGeom prst="rect">
              <a:avLst/>
            </a:prstGeom>
            <a:ln>
              <a:noFill/>
            </a:ln>
            <a:effectLst/>
          </p:spPr>
        </p:pic>
      </p:grpSp>
      <p:sp>
        <p:nvSpPr>
          <p:cNvPr id="117" name="Rectangle: Rounded Corners 306">
            <a:extLst>
              <a:ext uri="{FF2B5EF4-FFF2-40B4-BE49-F238E27FC236}">
                <a16:creationId xmlns:a16="http://schemas.microsoft.com/office/drawing/2014/main" xmlns="" id="{7DA6B1CC-DCBE-4764-ABD0-B4A8CC3B809A}"/>
              </a:ext>
            </a:extLst>
          </p:cNvPr>
          <p:cNvSpPr/>
          <p:nvPr/>
        </p:nvSpPr>
        <p:spPr>
          <a:xfrm>
            <a:off x="752952" y="4183727"/>
            <a:ext cx="1218115" cy="1752000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 w="9525">
            <a:solidFill>
              <a:srgbClr val="D4D7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4384" rIns="24384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219140">
              <a:defRPr/>
            </a:pPr>
            <a:endParaRPr lang="en-CA" sz="1200" kern="0">
              <a:solidFill>
                <a:schemeClr val="tx1"/>
              </a:solidFill>
              <a:ea typeface="Apis For Office" panose="020B0504010101010104" charset="0"/>
              <a:cs typeface="Apis For Office" panose="020B0504010101010104" charset="0"/>
            </a:endParaRPr>
          </a:p>
        </p:txBody>
      </p:sp>
      <p:pic>
        <p:nvPicPr>
          <p:cNvPr id="118" name="Picture 117">
            <a:extLst>
              <a:ext uri="{FF2B5EF4-FFF2-40B4-BE49-F238E27FC236}">
                <a16:creationId xmlns:a16="http://schemas.microsoft.com/office/drawing/2014/main" xmlns="" id="{079BE3B8-E7DD-4ACA-A4FC-27F93248E5C8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0543" y="4435598"/>
            <a:ext cx="1006716" cy="1419524"/>
          </a:xfrm>
          <a:prstGeom prst="rect">
            <a:avLst/>
          </a:prstGeom>
          <a:effectLst/>
        </p:spPr>
      </p:pic>
      <p:sp>
        <p:nvSpPr>
          <p:cNvPr id="119" name="Rectangle 118">
            <a:extLst>
              <a:ext uri="{FF2B5EF4-FFF2-40B4-BE49-F238E27FC236}">
                <a16:creationId xmlns:a16="http://schemas.microsoft.com/office/drawing/2014/main" xmlns="" id="{20BCAF44-175A-4380-8E60-8EFCDBFA37D1}"/>
              </a:ext>
            </a:extLst>
          </p:cNvPr>
          <p:cNvSpPr/>
          <p:nvPr/>
        </p:nvSpPr>
        <p:spPr>
          <a:xfrm>
            <a:off x="943139" y="4164891"/>
            <a:ext cx="763348" cy="276999"/>
          </a:xfrm>
          <a:prstGeom prst="rect">
            <a:avLst/>
          </a:prstGeom>
          <a:ln>
            <a:noFill/>
          </a:ln>
        </p:spPr>
        <p:txBody>
          <a:bodyPr wrap="square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54" rtl="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ru-RU" sz="1200" b="1" i="0" u="none" strike="noStrike" kern="0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ADA</a:t>
            </a:r>
          </a:p>
        </p:txBody>
      </p:sp>
      <p:sp>
        <p:nvSpPr>
          <p:cNvPr id="107" name="Rectangle: Rounded Corners 99">
            <a:extLst>
              <a:ext uri="{FF2B5EF4-FFF2-40B4-BE49-F238E27FC236}">
                <a16:creationId xmlns:a16="http://schemas.microsoft.com/office/drawing/2014/main" xmlns="" id="{A67A8356-AB2A-4CA4-8CFE-B6DC6CD7AB3E}"/>
              </a:ext>
            </a:extLst>
          </p:cNvPr>
          <p:cNvSpPr/>
          <p:nvPr/>
        </p:nvSpPr>
        <p:spPr>
          <a:xfrm>
            <a:off x="4065169" y="4564745"/>
            <a:ext cx="1329244" cy="1446215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 w="9525">
            <a:solidFill>
              <a:srgbClr val="D4D7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4384" rIns="24384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219140">
              <a:defRPr/>
            </a:pPr>
            <a:endParaRPr lang="en-CA" sz="1200" kern="0">
              <a:solidFill>
                <a:schemeClr val="tx1"/>
              </a:solidFill>
              <a:ea typeface="Apis For Office" panose="020B0504010101010104" charset="0"/>
              <a:cs typeface="Apis For Office" panose="020B0504010101010104" charset="0"/>
            </a:endParaRPr>
          </a:p>
        </p:txBody>
      </p:sp>
      <p:sp>
        <p:nvSpPr>
          <p:cNvPr id="112" name="Rectangle 111">
            <a:extLst>
              <a:ext uri="{FF2B5EF4-FFF2-40B4-BE49-F238E27FC236}">
                <a16:creationId xmlns:a16="http://schemas.microsoft.com/office/drawing/2014/main" xmlns="" id="{778A8938-A926-43AA-B3ED-7FECD4650A9E}"/>
              </a:ext>
            </a:extLst>
          </p:cNvPr>
          <p:cNvSpPr/>
          <p:nvPr/>
        </p:nvSpPr>
        <p:spPr>
          <a:xfrm>
            <a:off x="4174398" y="4652836"/>
            <a:ext cx="1083524" cy="323785"/>
          </a:xfrm>
          <a:prstGeom prst="rect">
            <a:avLst/>
          </a:prstGeom>
          <a:ln>
            <a:noFill/>
          </a:ln>
        </p:spPr>
        <p:txBody>
          <a:bodyPr wrap="square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54" rtl="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ru-RU" sz="1200" b="1" i="0" u="none" strike="noStrike" kern="0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ESC</a:t>
            </a:r>
          </a:p>
        </p:txBody>
      </p:sp>
      <p:sp>
        <p:nvSpPr>
          <p:cNvPr id="109" name="TextBox 101">
            <a:extLst>
              <a:ext uri="{FF2B5EF4-FFF2-40B4-BE49-F238E27FC236}">
                <a16:creationId xmlns:a16="http://schemas.microsoft.com/office/drawing/2014/main" xmlns="" id="{5189483D-F334-486F-9DCA-C8BC8E2D5CD7}"/>
              </a:ext>
            </a:extLst>
          </p:cNvPr>
          <p:cNvSpPr txBox="1"/>
          <p:nvPr/>
        </p:nvSpPr>
        <p:spPr>
          <a:xfrm>
            <a:off x="3867944" y="5620041"/>
            <a:ext cx="16364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54" rtl="0">
              <a:lnSpc>
                <a:spcPct val="90000"/>
              </a:lnSpc>
              <a:defRPr/>
            </a:pPr>
            <a:r>
              <a:rPr lang="ru-RU" sz="1000" b="0" i="0" u="none" strike="noStrike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Отчет по работе круглого стола</a:t>
            </a:r>
          </a:p>
        </p:txBody>
      </p:sp>
      <p:pic>
        <p:nvPicPr>
          <p:cNvPr id="110" name="Picture 109">
            <a:extLst>
              <a:ext uri="{FF2B5EF4-FFF2-40B4-BE49-F238E27FC236}">
                <a16:creationId xmlns:a16="http://schemas.microsoft.com/office/drawing/2014/main" xmlns="" id="{6AF2D867-ADDE-46B7-913D-AD5EB0A327DD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116460" y="4914323"/>
            <a:ext cx="1199400" cy="757418"/>
          </a:xfrm>
          <a:prstGeom prst="rect">
            <a:avLst/>
          </a:prstGeom>
          <a:effectLst/>
        </p:spPr>
      </p:pic>
      <p:sp>
        <p:nvSpPr>
          <p:cNvPr id="80" name="Rectangle: Rounded Corners 109">
            <a:extLst>
              <a:ext uri="{FF2B5EF4-FFF2-40B4-BE49-F238E27FC236}">
                <a16:creationId xmlns:a16="http://schemas.microsoft.com/office/drawing/2014/main" xmlns="" id="{006FD770-0D94-42FE-BA13-BA6AAA3C792B}"/>
              </a:ext>
            </a:extLst>
          </p:cNvPr>
          <p:cNvSpPr/>
          <p:nvPr/>
        </p:nvSpPr>
        <p:spPr>
          <a:xfrm>
            <a:off x="3755085" y="1995127"/>
            <a:ext cx="3421866" cy="324000"/>
          </a:xfrm>
          <a:prstGeom prst="roundRect">
            <a:avLst>
              <a:gd name="adj" fmla="val 0"/>
            </a:avLst>
          </a:prstGeom>
          <a:solidFill>
            <a:srgbClr val="D4D7DC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Ins="365760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243405" algn="ctr" defTabSz="1219140" rtl="0">
              <a:defRPr/>
            </a:pPr>
            <a:r>
              <a:rPr lang="ru-RU" sz="1400" b="1" i="0" u="none" strike="noStrike" dirty="0">
                <a:solidFill>
                  <a:schemeClr val="tx1"/>
                </a:solidFill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2019</a:t>
            </a:r>
          </a:p>
        </p:txBody>
      </p:sp>
      <p:sp>
        <p:nvSpPr>
          <p:cNvPr id="101" name="Rectangle: Rounded Corners 121">
            <a:extLst>
              <a:ext uri="{FF2B5EF4-FFF2-40B4-BE49-F238E27FC236}">
                <a16:creationId xmlns:a16="http://schemas.microsoft.com/office/drawing/2014/main" xmlns="" id="{7E830CF4-668B-4279-A809-0070845C4668}"/>
              </a:ext>
            </a:extLst>
          </p:cNvPr>
          <p:cNvSpPr/>
          <p:nvPr/>
        </p:nvSpPr>
        <p:spPr>
          <a:xfrm>
            <a:off x="7307404" y="2409557"/>
            <a:ext cx="1124017" cy="1669272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 w="9525">
            <a:solidFill>
              <a:srgbClr val="D4D7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4384" rIns="24384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219140">
              <a:defRPr/>
            </a:pPr>
            <a:endParaRPr lang="en-CA" sz="1200" kern="0">
              <a:solidFill>
                <a:schemeClr val="tx1"/>
              </a:solidFill>
              <a:ea typeface="Apis For Office" panose="020B0504010101010104" charset="0"/>
              <a:cs typeface="Apis For Office" panose="020B0504010101010104" charset="0"/>
            </a:endParaRP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xmlns="" id="{1922BF92-33B7-485C-8CA1-CE6D03389732}"/>
              </a:ext>
            </a:extLst>
          </p:cNvPr>
          <p:cNvSpPr/>
          <p:nvPr/>
        </p:nvSpPr>
        <p:spPr>
          <a:xfrm>
            <a:off x="7449476" y="2427594"/>
            <a:ext cx="817458" cy="276999"/>
          </a:xfrm>
          <a:prstGeom prst="rect">
            <a:avLst/>
          </a:prstGeom>
          <a:ln>
            <a:noFill/>
          </a:ln>
        </p:spPr>
        <p:txBody>
          <a:bodyPr wrap="square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54" rtl="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ru-RU" sz="1200" b="1" i="0" u="none" strike="noStrike" kern="0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ADA</a:t>
            </a:r>
          </a:p>
        </p:txBody>
      </p:sp>
      <p:pic>
        <p:nvPicPr>
          <p:cNvPr id="83" name="Picture 82">
            <a:extLst>
              <a:ext uri="{FF2B5EF4-FFF2-40B4-BE49-F238E27FC236}">
                <a16:creationId xmlns:a16="http://schemas.microsoft.com/office/drawing/2014/main" xmlns="" id="{78F82F3B-9C5C-4F5B-A9A2-FF7DD11E06EC}"/>
              </a:ext>
            </a:extLst>
          </p:cNvPr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88711" y="2730194"/>
            <a:ext cx="987953" cy="1256816"/>
          </a:xfrm>
          <a:prstGeom prst="rect">
            <a:avLst/>
          </a:prstGeom>
        </p:spPr>
      </p:pic>
      <p:sp>
        <p:nvSpPr>
          <p:cNvPr id="84" name="Rectangle: Rounded Corners 119">
            <a:extLst>
              <a:ext uri="{FF2B5EF4-FFF2-40B4-BE49-F238E27FC236}">
                <a16:creationId xmlns:a16="http://schemas.microsoft.com/office/drawing/2014/main" xmlns="" id="{ED124890-2EF6-4EAB-BDCE-E7E749E0B981}"/>
              </a:ext>
            </a:extLst>
          </p:cNvPr>
          <p:cNvSpPr/>
          <p:nvPr/>
        </p:nvSpPr>
        <p:spPr>
          <a:xfrm>
            <a:off x="7178955" y="1995127"/>
            <a:ext cx="3419597" cy="324169"/>
          </a:xfrm>
          <a:prstGeom prst="roundRect">
            <a:avLst>
              <a:gd name="adj" fmla="val 0"/>
            </a:avLst>
          </a:prstGeom>
          <a:solidFill>
            <a:srgbClr val="939AA7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Ins="365760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243405" algn="ctr" defTabSz="1219140" rtl="0">
              <a:defRPr/>
            </a:pPr>
            <a:r>
              <a:rPr lang="ru-RU" sz="1400" b="1" i="0" u="none" strike="noStrike">
                <a:solidFill>
                  <a:schemeClr val="tx1"/>
                </a:solidFill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2020</a:t>
            </a:r>
          </a:p>
        </p:txBody>
      </p:sp>
      <p:sp>
        <p:nvSpPr>
          <p:cNvPr id="89" name="Rectangle: Rounded Corners 138">
            <a:extLst>
              <a:ext uri="{FF2B5EF4-FFF2-40B4-BE49-F238E27FC236}">
                <a16:creationId xmlns:a16="http://schemas.microsoft.com/office/drawing/2014/main" xmlns="" id="{5888823C-A691-46AE-8A0D-66726A026DF2}"/>
              </a:ext>
            </a:extLst>
          </p:cNvPr>
          <p:cNvSpPr/>
          <p:nvPr/>
        </p:nvSpPr>
        <p:spPr>
          <a:xfrm>
            <a:off x="8407613" y="4230900"/>
            <a:ext cx="1192040" cy="1555069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 w="9525">
            <a:solidFill>
              <a:srgbClr val="D4D7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4384" rIns="24384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219140">
              <a:defRPr/>
            </a:pPr>
            <a:endParaRPr lang="en-CA" sz="1200" kern="0">
              <a:solidFill>
                <a:schemeClr val="tx1"/>
              </a:solidFill>
              <a:ea typeface="Apis For Office" panose="020B0504010101010104" charset="0"/>
              <a:cs typeface="Apis For Office" panose="020B0504010101010104" charset="0"/>
            </a:endParaRPr>
          </a:p>
        </p:txBody>
      </p:sp>
      <p:sp>
        <p:nvSpPr>
          <p:cNvPr id="92" name="Rectangle 91">
            <a:extLst>
              <a:ext uri="{FF2B5EF4-FFF2-40B4-BE49-F238E27FC236}">
                <a16:creationId xmlns:a16="http://schemas.microsoft.com/office/drawing/2014/main" xmlns="" id="{6F31333A-C031-4985-AB4E-6F334CCAD4B8}"/>
              </a:ext>
            </a:extLst>
          </p:cNvPr>
          <p:cNvSpPr/>
          <p:nvPr/>
        </p:nvSpPr>
        <p:spPr>
          <a:xfrm>
            <a:off x="8376664" y="4179701"/>
            <a:ext cx="1083524" cy="276999"/>
          </a:xfrm>
          <a:prstGeom prst="rect">
            <a:avLst/>
          </a:prstGeom>
          <a:ln>
            <a:noFill/>
          </a:ln>
        </p:spPr>
        <p:txBody>
          <a:bodyPr wrap="square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54" rtl="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ru-RU" sz="1200" b="1" i="0" u="none" strike="noStrike" kern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PCDE</a:t>
            </a:r>
          </a:p>
        </p:txBody>
      </p:sp>
      <p:pic>
        <p:nvPicPr>
          <p:cNvPr id="88" name="Picture 87">
            <a:extLst>
              <a:ext uri="{FF2B5EF4-FFF2-40B4-BE49-F238E27FC236}">
                <a16:creationId xmlns:a16="http://schemas.microsoft.com/office/drawing/2014/main" xmlns="" id="{BCAE8F2C-69F1-4C23-AA53-1F0AC441F0A7}"/>
              </a:ext>
            </a:extLst>
          </p:cNvPr>
          <p:cNvPicPr>
            <a:picLocks noChangeAspect="1"/>
          </p:cNvPicPr>
          <p:nvPr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482906" y="4507899"/>
            <a:ext cx="1039309" cy="1210489"/>
          </a:xfrm>
          <a:prstGeom prst="rect">
            <a:avLst/>
          </a:prstGeom>
        </p:spPr>
      </p:pic>
      <p:sp>
        <p:nvSpPr>
          <p:cNvPr id="157" name="Rectangle: Rounded Corners 264">
            <a:extLst>
              <a:ext uri="{FF2B5EF4-FFF2-40B4-BE49-F238E27FC236}">
                <a16:creationId xmlns:a16="http://schemas.microsoft.com/office/drawing/2014/main" xmlns="" id="{846CBBA1-9C21-4E20-B2C6-0FADB135FC20}"/>
              </a:ext>
            </a:extLst>
          </p:cNvPr>
          <p:cNvSpPr/>
          <p:nvPr/>
        </p:nvSpPr>
        <p:spPr>
          <a:xfrm>
            <a:off x="1617754" y="2479289"/>
            <a:ext cx="1835573" cy="1468025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 w="9525">
            <a:solidFill>
              <a:srgbClr val="D4D7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4384" rIns="24384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219140">
              <a:defRPr/>
            </a:pPr>
            <a:endParaRPr lang="en-CA" sz="1333" kern="0">
              <a:solidFill>
                <a:schemeClr val="tx1"/>
              </a:solidFill>
              <a:ea typeface="Apis For Office" panose="020B0504010101010104" charset="0"/>
              <a:cs typeface="Apis For Office" panose="020B0504010101010104" charset="0"/>
            </a:endParaRPr>
          </a:p>
        </p:txBody>
      </p:sp>
      <p:grpSp>
        <p:nvGrpSpPr>
          <p:cNvPr id="158" name="Group 157">
            <a:extLst>
              <a:ext uri="{FF2B5EF4-FFF2-40B4-BE49-F238E27FC236}">
                <a16:creationId xmlns:a16="http://schemas.microsoft.com/office/drawing/2014/main" xmlns="" id="{BC27BCE5-9F4C-44EB-A122-BE63253D63D6}"/>
              </a:ext>
            </a:extLst>
          </p:cNvPr>
          <p:cNvGrpSpPr/>
          <p:nvPr/>
        </p:nvGrpSpPr>
        <p:grpSpPr>
          <a:xfrm>
            <a:off x="1580783" y="2312932"/>
            <a:ext cx="1915385" cy="1606675"/>
            <a:chOff x="6497069" y="1253326"/>
            <a:chExt cx="1436539" cy="1205012"/>
          </a:xfrm>
        </p:grpSpPr>
        <p:pic>
          <p:nvPicPr>
            <p:cNvPr id="159" name="Picture 158" descr="Image result for DIABETES CARE OCTOBER 2018">
              <a:extLst>
                <a:ext uri="{FF2B5EF4-FFF2-40B4-BE49-F238E27FC236}">
                  <a16:creationId xmlns:a16="http://schemas.microsoft.com/office/drawing/2014/main" xmlns="" id="{95FF21FF-9F69-4C59-9EA8-25FF9398963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 cstate="email">
              <a:extLst>
                <a:ext uri="{BEBA8EAE-BF5A-486C-A8C5-ECC9F3942E4B}">
                  <a14:imgProps xmlns:a14="http://schemas.microsoft.com/office/drawing/2010/main">
                    <a14:imgLayer r:embed="rId14">
                      <a14:imgEffect>
                        <a14:sharpenSoften amount="50000"/>
                      </a14:imgEffect>
                      <a14:imgEffect>
                        <a14:saturation sat="2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 bwMode="auto">
            <a:xfrm>
              <a:off x="7225206" y="1710857"/>
              <a:ext cx="578799" cy="710171"/>
            </a:xfrm>
            <a:prstGeom prst="rect">
              <a:avLst/>
            </a:prstGeom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60" name="Picture 159" descr="Image result for DIABETOLOGIA OCTOBER 2018">
              <a:extLst>
                <a:ext uri="{FF2B5EF4-FFF2-40B4-BE49-F238E27FC236}">
                  <a16:creationId xmlns:a16="http://schemas.microsoft.com/office/drawing/2014/main" xmlns="" id="{FB5646D1-3735-41C4-8F27-4E0330A4928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5" cstate="email">
              <a:extLst>
                <a:ext uri="{BEBA8EAE-BF5A-486C-A8C5-ECC9F3942E4B}">
                  <a14:imgProps xmlns:a14="http://schemas.microsoft.com/office/drawing/2010/main">
                    <a14:imgLayer r:embed="rId16">
                      <a14:imgEffect>
                        <a14:sharpenSoften amount="5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 bwMode="auto">
            <a:xfrm>
              <a:off x="6603604" y="1776885"/>
              <a:ext cx="557016" cy="681453"/>
            </a:xfrm>
            <a:prstGeom prst="rect">
              <a:avLst/>
            </a:prstGeom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61" name="Rectangle 160">
              <a:extLst>
                <a:ext uri="{FF2B5EF4-FFF2-40B4-BE49-F238E27FC236}">
                  <a16:creationId xmlns:a16="http://schemas.microsoft.com/office/drawing/2014/main" xmlns="" id="{7B583517-CDD5-4EA3-A9A7-02212C9165F5}"/>
                </a:ext>
              </a:extLst>
            </p:cNvPr>
            <p:cNvSpPr/>
            <p:nvPr/>
          </p:nvSpPr>
          <p:spPr>
            <a:xfrm>
              <a:off x="6497069" y="1253326"/>
              <a:ext cx="1436539" cy="346249"/>
            </a:xfrm>
            <a:prstGeom prst="rect">
              <a:avLst/>
            </a:prstGeom>
            <a:ln>
              <a:noFill/>
            </a:ln>
          </p:spPr>
          <p:txBody>
            <a:bodyPr wrap="square">
              <a:no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 defTabSz="914354" rtl="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ru-RU" sz="1200" b="1" i="0" u="none" strike="noStrike" kern="0" dirty="0">
                  <a:highlight>
                    <a:srgbClr val="000000">
                      <a:alpha val="0"/>
                    </a:srgbClr>
                  </a:highlight>
                  <a:ea typeface="Apis For Office" panose="020B0504010101010104" charset="0"/>
                  <a:cs typeface="Apis For Office" panose="020B0504010101010104" charset="0"/>
                </a:rPr>
                <a:t/>
              </a:r>
              <a:br>
                <a:rPr lang="ru-RU" sz="1200" b="1" i="0" u="none" strike="noStrike" kern="0" dirty="0">
                  <a:highlight>
                    <a:srgbClr val="000000">
                      <a:alpha val="0"/>
                    </a:srgbClr>
                  </a:highlight>
                  <a:ea typeface="Apis For Office" panose="020B0504010101010104" charset="0"/>
                  <a:cs typeface="Apis For Office" panose="020B0504010101010104" charset="0"/>
                </a:rPr>
              </a:br>
              <a:r>
                <a:rPr lang="ru-RU" sz="1200" b="1" i="0" u="none" strike="noStrike" kern="0" dirty="0" err="1">
                  <a:highlight>
                    <a:srgbClr val="000000">
                      <a:alpha val="0"/>
                    </a:srgbClr>
                  </a:highlight>
                  <a:ea typeface="Apis For Office" panose="020B0504010101010104" charset="0"/>
                  <a:cs typeface="Apis For Office" panose="020B0504010101010104" charset="0"/>
                </a:rPr>
                <a:t>Консенсусный</a:t>
              </a:r>
              <a:r>
                <a:rPr lang="ru-RU" sz="1200" b="1" i="0" u="none" strike="noStrike" kern="0" dirty="0">
                  <a:highlight>
                    <a:srgbClr val="000000">
                      <a:alpha val="0"/>
                    </a:srgbClr>
                  </a:highlight>
                  <a:ea typeface="Apis For Office" panose="020B0504010101010104" charset="0"/>
                  <a:cs typeface="Apis For Office" panose="020B0504010101010104" charset="0"/>
                </a:rPr>
                <a:t> доклад ADA-EASD</a:t>
              </a:r>
              <a:endParaRPr lang="en-GB" sz="1200" kern="0" dirty="0">
                <a:ea typeface="Apis For Office" panose="020B0504010101010104" charset="0"/>
                <a:cs typeface="Apis For Office" panose="020B0504010101010104" charset="0"/>
              </a:endParaRPr>
            </a:p>
          </p:txBody>
        </p:sp>
      </p:grpSp>
      <p:sp>
        <p:nvSpPr>
          <p:cNvPr id="97" name="Rectangle: Rounded Corners 305">
            <a:extLst>
              <a:ext uri="{FF2B5EF4-FFF2-40B4-BE49-F238E27FC236}">
                <a16:creationId xmlns:a16="http://schemas.microsoft.com/office/drawing/2014/main" xmlns="" id="{1F95AA8F-023B-4522-A3C1-0B756D702764}"/>
              </a:ext>
            </a:extLst>
          </p:cNvPr>
          <p:cNvSpPr/>
          <p:nvPr/>
        </p:nvSpPr>
        <p:spPr>
          <a:xfrm>
            <a:off x="9198313" y="2424698"/>
            <a:ext cx="1203488" cy="1751999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 w="9525">
            <a:solidFill>
              <a:srgbClr val="D4D7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4384" rIns="24384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219140">
              <a:defRPr/>
            </a:pPr>
            <a:endParaRPr lang="en-CA" sz="1200" kern="0">
              <a:solidFill>
                <a:schemeClr val="tx1"/>
              </a:solidFill>
              <a:ea typeface="Apis For Office" panose="020B0504010101010104" charset="0"/>
              <a:cs typeface="Apis For Office" panose="020B0504010101010104" charset="0"/>
            </a:endParaRP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xmlns="" id="{BC0CE4CE-A8E9-4313-A3B1-B5183DCC0D28}"/>
              </a:ext>
            </a:extLst>
          </p:cNvPr>
          <p:cNvSpPr/>
          <p:nvPr/>
        </p:nvSpPr>
        <p:spPr>
          <a:xfrm>
            <a:off x="9457893" y="2436969"/>
            <a:ext cx="684327" cy="276999"/>
          </a:xfrm>
          <a:prstGeom prst="rect">
            <a:avLst/>
          </a:prstGeom>
          <a:ln>
            <a:noFill/>
          </a:ln>
        </p:spPr>
        <p:txBody>
          <a:bodyPr wrap="square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54" rtl="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ru-RU" sz="1200" b="1" i="0" u="none" strike="noStrike" kern="0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ACC</a:t>
            </a:r>
          </a:p>
        </p:txBody>
      </p:sp>
      <p:pic>
        <p:nvPicPr>
          <p:cNvPr id="86" name="Picture 85">
            <a:extLst>
              <a:ext uri="{FF2B5EF4-FFF2-40B4-BE49-F238E27FC236}">
                <a16:creationId xmlns:a16="http://schemas.microsoft.com/office/drawing/2014/main" xmlns="" id="{402C9DC5-AFE2-40D9-8077-EA1A74AD37FB}"/>
              </a:ext>
            </a:extLst>
          </p:cNvPr>
          <p:cNvPicPr>
            <a:picLocks noChangeAspect="1"/>
          </p:cNvPicPr>
          <p:nvPr/>
        </p:nvPicPr>
        <p:blipFill>
          <a:blip r:embed="rId1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268138" y="2653479"/>
            <a:ext cx="1063836" cy="1424584"/>
          </a:xfrm>
          <a:prstGeom prst="rect">
            <a:avLst/>
          </a:prstGeom>
        </p:spPr>
      </p:pic>
      <p:sp>
        <p:nvSpPr>
          <p:cNvPr id="45" name="Slide Number Placeholder 6">
            <a:extLst>
              <a:ext uri="{FF2B5EF4-FFF2-40B4-BE49-F238E27FC236}">
                <a16:creationId xmlns:a16="http://schemas.microsoft.com/office/drawing/2014/main" xmlns="" id="{A6306708-6696-8941-B200-0D963452EB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24000" y="315291"/>
            <a:ext cx="324000" cy="125850"/>
          </a:xfrm>
        </p:spPr>
        <p:txBody>
          <a:bodyPr>
            <a:noAutofit/>
          </a:bodyPr>
          <a:lstStyle/>
          <a:p>
            <a:pPr algn="l" rtl="0"/>
            <a:fld id="{489B60BE-EA1C-42F5-91D9-8D974AEADA1F}" type="slidenum">
              <a:rPr lang="ru-RU" sz="700" b="0" i="0" u="none" strike="noStrike" smtClean="0">
                <a:solidFill>
                  <a:srgbClr val="939AA7"/>
                </a:solidFill>
                <a:highlight>
                  <a:srgbClr val="000000">
                    <a:alpha val="0"/>
                  </a:srgbClr>
                </a:highlight>
              </a:rPr>
              <a:t>12</a:t>
            </a:fld>
            <a:endParaRPr lang="en-GB" sz="700" dirty="0">
              <a:solidFill>
                <a:srgbClr val="939AA7"/>
              </a:solidFill>
            </a:endParaRPr>
          </a:p>
        </p:txBody>
      </p:sp>
      <p:sp>
        <p:nvSpPr>
          <p:cNvPr id="46" name="Rectangle: Rounded Corners 119">
            <a:extLst>
              <a:ext uri="{FF2B5EF4-FFF2-40B4-BE49-F238E27FC236}">
                <a16:creationId xmlns:a16="http://schemas.microsoft.com/office/drawing/2014/main" xmlns="" id="{5B4186E0-236D-495E-B6AB-F09F69D84399}"/>
              </a:ext>
            </a:extLst>
          </p:cNvPr>
          <p:cNvSpPr/>
          <p:nvPr/>
        </p:nvSpPr>
        <p:spPr>
          <a:xfrm>
            <a:off x="10598552" y="1995127"/>
            <a:ext cx="1319080" cy="317805"/>
          </a:xfrm>
          <a:prstGeom prst="roundRect">
            <a:avLst>
              <a:gd name="adj" fmla="val 0"/>
            </a:avLst>
          </a:prstGeom>
          <a:solidFill>
            <a:srgbClr val="6B7483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Ins="365760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243405" algn="ctr" defTabSz="1219140" rtl="0">
              <a:defRPr/>
            </a:pPr>
            <a:r>
              <a:rPr lang="ru-RU" sz="1400" b="1" i="0" u="none" strike="noStrike" dirty="0">
                <a:solidFill>
                  <a:schemeClr val="tx1"/>
                </a:solidFill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202</a:t>
            </a:r>
            <a:r>
              <a:rPr lang="en-US" sz="1400" b="1" i="0" u="none" strike="noStrike" dirty="0">
                <a:solidFill>
                  <a:schemeClr val="tx1"/>
                </a:solidFill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1</a:t>
            </a:r>
            <a:endParaRPr lang="ru-RU" sz="1400" b="1" i="0" u="none" strike="noStrike" dirty="0">
              <a:solidFill>
                <a:schemeClr val="tx1"/>
              </a:solidFill>
              <a:highlight>
                <a:srgbClr val="000000">
                  <a:alpha val="0"/>
                </a:srgbClr>
              </a:highlight>
              <a:ea typeface="Apis For Office" panose="020B0504010101010104" charset="0"/>
              <a:cs typeface="Apis For Office" panose="020B0504010101010104" charset="0"/>
            </a:endParaRPr>
          </a:p>
        </p:txBody>
      </p:sp>
      <p:sp>
        <p:nvSpPr>
          <p:cNvPr id="47" name="Rectangle: Rounded Corners 121">
            <a:extLst>
              <a:ext uri="{FF2B5EF4-FFF2-40B4-BE49-F238E27FC236}">
                <a16:creationId xmlns:a16="http://schemas.microsoft.com/office/drawing/2014/main" xmlns="" id="{78C343A0-3C61-4EBA-9743-6527D3A8A5A9}"/>
              </a:ext>
            </a:extLst>
          </p:cNvPr>
          <p:cNvSpPr/>
          <p:nvPr/>
        </p:nvSpPr>
        <p:spPr>
          <a:xfrm>
            <a:off x="10706215" y="3145456"/>
            <a:ext cx="1124017" cy="1669272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 w="9525">
            <a:solidFill>
              <a:srgbClr val="D4D7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4384" rIns="24384" rtlCol="0" anchor="ctr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1219140">
              <a:defRPr/>
            </a:pPr>
            <a:endParaRPr lang="en-CA" sz="1200" kern="0">
              <a:solidFill>
                <a:schemeClr val="tx1"/>
              </a:solidFill>
              <a:ea typeface="Apis For Office" panose="020B0504010101010104" charset="0"/>
              <a:cs typeface="Apis For Office" panose="020B0504010101010104" charset="0"/>
            </a:endParaRPr>
          </a:p>
        </p:txBody>
      </p:sp>
      <p:sp>
        <p:nvSpPr>
          <p:cNvPr id="48" name="Rectangle 47">
            <a:extLst>
              <a:ext uri="{FF2B5EF4-FFF2-40B4-BE49-F238E27FC236}">
                <a16:creationId xmlns:a16="http://schemas.microsoft.com/office/drawing/2014/main" xmlns="" id="{CDB528F3-5268-4A96-BB4D-66528CAB5BEC}"/>
              </a:ext>
            </a:extLst>
          </p:cNvPr>
          <p:cNvSpPr/>
          <p:nvPr/>
        </p:nvSpPr>
        <p:spPr>
          <a:xfrm>
            <a:off x="10894677" y="3216577"/>
            <a:ext cx="817458" cy="276999"/>
          </a:xfrm>
          <a:prstGeom prst="rect">
            <a:avLst/>
          </a:prstGeom>
          <a:ln>
            <a:noFill/>
          </a:ln>
        </p:spPr>
        <p:txBody>
          <a:bodyPr wrap="square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354" rtl="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ru-RU" sz="1200" b="1" i="0" u="none" strike="noStrike" kern="0" dirty="0">
                <a:highlight>
                  <a:srgbClr val="000000">
                    <a:alpha val="0"/>
                  </a:srgbClr>
                </a:highlight>
                <a:ea typeface="Apis For Office" panose="020B0504010101010104" charset="0"/>
                <a:cs typeface="Apis For Office" panose="020B0504010101010104" charset="0"/>
              </a:rPr>
              <a:t>ADA</a:t>
            </a:r>
          </a:p>
        </p:txBody>
      </p:sp>
      <p:pic>
        <p:nvPicPr>
          <p:cNvPr id="3" name="Picture 2" descr="Text, website&#10;&#10;Description automatically generated">
            <a:extLst>
              <a:ext uri="{FF2B5EF4-FFF2-40B4-BE49-F238E27FC236}">
                <a16:creationId xmlns:a16="http://schemas.microsoft.com/office/drawing/2014/main" xmlns="" id="{208EEFD7-5899-448D-A046-4CB3273C94EE}"/>
              </a:ext>
            </a:extLst>
          </p:cNvPr>
          <p:cNvPicPr>
            <a:picLocks noChangeAspect="1"/>
          </p:cNvPicPr>
          <p:nvPr/>
        </p:nvPicPr>
        <p:blipFill>
          <a:blip r:embed="rId1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815536" y="3439216"/>
            <a:ext cx="915335" cy="12968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22152359"/>
      </p:ext>
    </p:extLst>
  </p:cSld>
  <p:clrMapOvr>
    <a:masterClrMapping/>
  </p:clrMapOvr>
  <p:transition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112544" y="0"/>
            <a:ext cx="10515600" cy="686435"/>
          </a:xfrm>
        </p:spPr>
        <p:txBody>
          <a:bodyPr>
            <a:normAutofit/>
          </a:bodyPr>
          <a:lstStyle/>
          <a:p>
            <a:r>
              <a:rPr lang="ru-RU" sz="24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Лечение СД для снижения риска развития СН</a:t>
            </a:r>
          </a:p>
        </p:txBody>
      </p:sp>
      <p:graphicFrame>
        <p:nvGraphicFramePr>
          <p:cNvPr id="4" name="Объект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77197395"/>
              </p:ext>
            </p:extLst>
          </p:nvPr>
        </p:nvGraphicFramePr>
        <p:xfrm>
          <a:off x="112544" y="1121593"/>
          <a:ext cx="11831427" cy="528599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596869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  <a:gridCol w="1117279">
                  <a:extLst>
                    <a:ext uri="{9D8B030D-6E8A-4147-A177-3AD203B41FA5}">
                      <a16:colId xmlns="" xmlns:a16="http://schemas.microsoft.com/office/drawing/2014/main" val="20001"/>
                    </a:ext>
                  </a:extLst>
                </a:gridCol>
                <a:gridCol w="1117279">
                  <a:extLst>
                    <a:ext uri="{9D8B030D-6E8A-4147-A177-3AD203B41FA5}">
                      <a16:colId xmlns="" xmlns:a16="http://schemas.microsoft.com/office/drawing/2014/main" val="20002"/>
                    </a:ext>
                  </a:extLst>
                </a:gridCol>
              </a:tblGrid>
              <a:tr h="471678">
                <a:tc>
                  <a:txBody>
                    <a:bodyPr/>
                    <a:lstStyle/>
                    <a:p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Рекомендации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Класс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Уровень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0"/>
                  </a:ext>
                </a:extLst>
              </a:tr>
              <a:tr h="471678">
                <a:tc>
                  <a:txBody>
                    <a:bodyPr/>
                    <a:lstStyle/>
                    <a:p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и</a:t>
                      </a:r>
                      <a:r>
                        <a:rPr lang="en-US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SGLT-2</a:t>
                      </a:r>
                      <a:r>
                        <a:rPr lang="en-US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 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(</a:t>
                      </a:r>
                      <a:r>
                        <a:rPr lang="ru-RU" sz="1600" b="1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эмпаглифлозин</a:t>
                      </a:r>
                      <a:r>
                        <a:rPr lang="ru-RU" sz="1600" b="1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, канаглифлозин, дапаглифлозин</a:t>
                      </a:r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) ассоциируются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 со </a:t>
                      </a:r>
                      <a:r>
                        <a:rPr lang="ru-RU" sz="1600" b="1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снижением риска госпитализаций по причине СН 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и рекомендованы</a:t>
                      </a:r>
                      <a:endParaRPr lang="ru-RU" sz="1600" b="0" baseline="3000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I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А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70C0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1"/>
                  </a:ext>
                </a:extLst>
              </a:tr>
              <a:tr h="471678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Метформин рекомендуется для лечения пациентов с СД и СН 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при СКФ</a:t>
                      </a:r>
                      <a:r>
                        <a:rPr lang="en-US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&gt;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30 мл/мин/м</a:t>
                      </a:r>
                      <a:r>
                        <a:rPr lang="ru-RU" sz="1600" b="0" kern="1200" baseline="3000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2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IIa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C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6FFFF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  <a:tr h="471678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600" b="1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Агонисты</a:t>
                      </a:r>
                      <a:r>
                        <a:rPr lang="ru-RU" sz="1600" b="1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 ГПП-1 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(ликсенатид, лираглутид, семаглутид, эксенатид, дулаглутид) продемонстрировали </a:t>
                      </a:r>
                      <a:r>
                        <a:rPr lang="ru-RU" sz="1600" b="1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нейтральное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 влияние на частоту госпитализаций по поводу СН и могут использоваться для лечения больных СД и СН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dirty="0" err="1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IIb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А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70C0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3"/>
                  </a:ext>
                </a:extLst>
              </a:tr>
              <a:tr h="471678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600" b="1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Ингибиторы ДПП-4 </a:t>
                      </a:r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ситаглиптин и линаглиптин 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продемонстрировали </a:t>
                      </a:r>
                      <a:r>
                        <a:rPr lang="ru-RU" sz="1600" b="1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нейтральное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 влияние на частоту госпитализаций по поводу СН и могут использоваться для лечения больных СД и СН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dirty="0" err="1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IIb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В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4"/>
                  </a:ext>
                </a:extLst>
              </a:tr>
              <a:tr h="471678">
                <a:tc>
                  <a:txBody>
                    <a:bodyPr/>
                    <a:lstStyle/>
                    <a:p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Инсулин может использоваться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 у пациентов с выраженной </a:t>
                      </a:r>
                      <a:r>
                        <a:rPr lang="ru-RU" sz="1600" b="0" baseline="0" dirty="0" err="1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СНснижФВ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dirty="0" err="1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IIb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С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6FFFF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5"/>
                  </a:ext>
                </a:extLst>
              </a:tr>
              <a:tr h="471678">
                <a:tc>
                  <a:txBody>
                    <a:bodyPr/>
                    <a:lstStyle/>
                    <a:p>
                      <a:r>
                        <a:rPr lang="ru-RU" sz="1600" b="1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Тиазолидиндионы</a:t>
                      </a:r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 (пиоглитазон, росиглитазон) ассоциируются с увеличением риска развития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 СН у больных СД. Их использование </a:t>
                      </a:r>
                      <a:r>
                        <a:rPr lang="ru-RU" sz="1600" b="1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не рекомендуется 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у пациентов с СН или риском развития СН.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III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A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70C0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6"/>
                  </a:ext>
                </a:extLst>
              </a:tr>
              <a:tr h="471678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600" b="1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Ингибитор ДПП-4 саксаглиптин </a:t>
                      </a:r>
                      <a:r>
                        <a:rPr lang="ru-RU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ассоциируется с увеличением риска госпитализаций по поводу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 СН у больных СД. Их использование </a:t>
                      </a:r>
                      <a:r>
                        <a:rPr lang="ru-RU" sz="1600" b="1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не рекомендуется </a:t>
                      </a:r>
                      <a:r>
                        <a:rPr lang="ru-RU" sz="1600" b="0" baseline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у пациентов с СН или риском развития СН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III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0" dirty="0">
                          <a:solidFill>
                            <a:schemeClr val="tx1"/>
                          </a:solidFill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B</a:t>
                      </a:r>
                      <a:endParaRPr lang="ru-RU" sz="1600" b="0" dirty="0">
                        <a:solidFill>
                          <a:schemeClr val="tx1"/>
                        </a:solidFill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7"/>
                  </a:ext>
                </a:extLst>
              </a:tr>
            </a:tbl>
          </a:graphicData>
        </a:graphic>
      </p:graphicFrame>
      <p:sp>
        <p:nvSpPr>
          <p:cNvPr id="5" name="Rectangle 4"/>
          <p:cNvSpPr/>
          <p:nvPr/>
        </p:nvSpPr>
        <p:spPr>
          <a:xfrm>
            <a:off x="0" y="6570445"/>
            <a:ext cx="2919389" cy="25391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</a:rPr>
              <a:t>European Heart Journal (2019) 00, 1-69</a:t>
            </a:r>
          </a:p>
        </p:txBody>
      </p:sp>
    </p:spTree>
    <p:extLst>
      <p:ext uri="{BB962C8B-B14F-4D97-AF65-F5344CB8AC3E}">
        <p14:creationId xmlns:p14="http://schemas.microsoft.com/office/powerpoint/2010/main" val="210651622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4001" y="612000"/>
            <a:ext cx="9990038" cy="369332"/>
          </a:xfrm>
        </p:spPr>
        <p:txBody>
          <a:bodyPr vert="horz" wrap="square" lIns="0" tIns="0" rIns="0" bIns="0" rtlCol="0" anchor="t" anchorCtr="0">
            <a:spAutoFit/>
          </a:bodyPr>
          <a:lstStyle/>
          <a:p>
            <a:r>
              <a:rPr lang="ru-RU" sz="24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Персонализация выбора </a:t>
            </a:r>
            <a:r>
              <a:rPr lang="ru-RU" sz="2400" b="1" dirty="0" err="1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ахароснижающего</a:t>
            </a:r>
            <a:r>
              <a:rPr lang="ru-RU" sz="24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препарата</a:t>
            </a:r>
          </a:p>
        </p:txBody>
      </p:sp>
      <p:pic>
        <p:nvPicPr>
          <p:cNvPr id="8" name="Объект 7">
            <a:extLst>
              <a:ext uri="{FF2B5EF4-FFF2-40B4-BE49-F238E27FC236}">
                <a16:creationId xmlns:a16="http://schemas.microsoft.com/office/drawing/2014/main" xmlns="" id="{9A32448D-736F-F948-AB03-CFE4D4C91A2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42204" y="1106459"/>
            <a:ext cx="6942028" cy="5218670"/>
          </a:xfrm>
        </p:spPr>
      </p:pic>
      <p:sp>
        <p:nvSpPr>
          <p:cNvPr id="5" name="TextBox 4"/>
          <p:cNvSpPr txBox="1"/>
          <p:nvPr/>
        </p:nvSpPr>
        <p:spPr>
          <a:xfrm>
            <a:off x="611999" y="6552000"/>
            <a:ext cx="7699224" cy="10772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700" b="0" i="0" u="none" strike="noStrike" kern="1200" cap="none" spc="0" normalizeH="0" baseline="0" noProof="0" dirty="0">
                <a:ln>
                  <a:noFill/>
                </a:ln>
                <a:solidFill>
                  <a:srgbClr val="939AA7"/>
                </a:solidFill>
                <a:effectLst/>
                <a:uLnTx/>
                <a:uFillTx/>
                <a:latin typeface="Apis For Office"/>
                <a:ea typeface="Apis" panose="020B0504010101010104" pitchFamily="34" charset="0"/>
                <a:cs typeface="Apis" panose="020B0504010101010104" pitchFamily="34" charset="0"/>
              </a:rPr>
              <a:t>«Алгоритмы специализированной медицинской помощи больным сахарным диабетом». Под ред.: Дедова И. И., Шестаковой М. В., Майорова А. Ю., 9 выпуск, 2019 год</a:t>
            </a:r>
          </a:p>
        </p:txBody>
      </p:sp>
      <p:sp>
        <p:nvSpPr>
          <p:cNvPr id="7" name="Стрелка вниз 6">
            <a:extLst>
              <a:ext uri="{FF2B5EF4-FFF2-40B4-BE49-F238E27FC236}">
                <a16:creationId xmlns:a16="http://schemas.microsoft.com/office/drawing/2014/main" xmlns="" id="{955AB4DB-7D82-0642-9FAE-CD40541FBCFC}"/>
              </a:ext>
            </a:extLst>
          </p:cNvPr>
          <p:cNvSpPr/>
          <p:nvPr/>
        </p:nvSpPr>
        <p:spPr>
          <a:xfrm rot="1637266">
            <a:off x="4384637" y="4150628"/>
            <a:ext cx="484632" cy="864096"/>
          </a:xfrm>
          <a:prstGeom prst="downArrow">
            <a:avLst/>
          </a:prstGeom>
          <a:solidFill>
            <a:srgbClr val="ED780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is For Office"/>
              <a:ea typeface="Apis" panose="020B0504010101010104" pitchFamily="34" charset="0"/>
              <a:cs typeface="Apis" panose="020B0504010101010104" pitchFamily="34" charset="0"/>
            </a:endParaRPr>
          </a:p>
        </p:txBody>
      </p:sp>
      <p:pic>
        <p:nvPicPr>
          <p:cNvPr id="9" name="Рисунок 8">
            <a:extLst>
              <a:ext uri="{FF2B5EF4-FFF2-40B4-BE49-F238E27FC236}">
                <a16:creationId xmlns:a16="http://schemas.microsoft.com/office/drawing/2014/main" xmlns="" id="{58153EA7-D760-434B-8996-A31A2D4469A0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407236" y="2231348"/>
            <a:ext cx="1987200" cy="2820297"/>
          </a:xfrm>
          <a:prstGeom prst="rect">
            <a:avLst/>
          </a:prstGeom>
          <a:ln>
            <a:solidFill>
              <a:schemeClr val="tx1">
                <a:lumMod val="75000"/>
              </a:schemeClr>
            </a:solidFill>
          </a:ln>
        </p:spPr>
      </p:pic>
      <p:sp>
        <p:nvSpPr>
          <p:cNvPr id="11" name="Slide Number Placeholder 6">
            <a:extLst>
              <a:ext uri="{FF2B5EF4-FFF2-40B4-BE49-F238E27FC236}">
                <a16:creationId xmlns:a16="http://schemas.microsoft.com/office/drawing/2014/main" xmlns="" id="{A6306708-6696-8941-B200-0D963452EB23}"/>
              </a:ext>
            </a:extLst>
          </p:cNvPr>
          <p:cNvSpPr txBox="1">
            <a:spLocks/>
          </p:cNvSpPr>
          <p:nvPr/>
        </p:nvSpPr>
        <p:spPr>
          <a:xfrm>
            <a:off x="324000" y="315291"/>
            <a:ext cx="324000" cy="1258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rgbClr val="939AA7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89B60BE-EA1C-42F5-91D9-8D974AEADA1F}" type="slidenum">
              <a:rPr kumimoji="0" lang="ru-RU" sz="700" b="0" i="0" u="none" strike="noStrike" kern="1200" cap="none" spc="0" normalizeH="0" baseline="0" noProof="0" smtClean="0">
                <a:ln>
                  <a:noFill/>
                </a:ln>
                <a:solidFill>
                  <a:srgbClr val="939AA7"/>
                </a:solidFill>
                <a:effectLst/>
                <a:highlight>
                  <a:srgbClr val="000000">
                    <a:alpha val="0"/>
                  </a:srgbClr>
                </a:highlight>
                <a:uLnTx/>
                <a:uFillTx/>
                <a:latin typeface="Apis For Office"/>
                <a:ea typeface="Apis" panose="020B0504010101010104" pitchFamily="34" charset="0"/>
                <a:cs typeface="Apis" panose="020B0504010101010104" pitchFamily="34" charset="0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GB" sz="700" b="0" i="0" u="none" strike="noStrike" kern="1200" cap="none" spc="0" normalizeH="0" baseline="0" noProof="0" dirty="0">
              <a:ln>
                <a:noFill/>
              </a:ln>
              <a:solidFill>
                <a:srgbClr val="939AA7"/>
              </a:solidFill>
              <a:effectLst/>
              <a:uLnTx/>
              <a:uFillTx/>
              <a:latin typeface="Apis For Office"/>
              <a:ea typeface="Apis" panose="020B0504010101010104" pitchFamily="34" charset="0"/>
              <a:cs typeface="Apis" panose="020B05040101010101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654387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lvl="0"/>
            <a:endParaRPr lang="ru-RU" sz="1400" dirty="0">
              <a:solidFill>
                <a:prstClr val="black"/>
              </a:solidFill>
            </a:endParaRPr>
          </a:p>
          <a:p>
            <a:pPr lvl="0"/>
            <a:endParaRPr lang="ru-RU" sz="1400" dirty="0">
              <a:solidFill>
                <a:prstClr val="black"/>
              </a:solidFill>
            </a:endParaRPr>
          </a:p>
          <a:p>
            <a:pPr lvl="0"/>
            <a:endParaRPr lang="ru-RU" sz="1400" dirty="0">
              <a:solidFill>
                <a:prstClr val="black"/>
              </a:solidFill>
            </a:endParaRPr>
          </a:p>
          <a:p>
            <a:pPr lvl="0"/>
            <a:endParaRPr lang="ru-RU" sz="1400" dirty="0">
              <a:solidFill>
                <a:prstClr val="black"/>
              </a:solidFill>
            </a:endParaRPr>
          </a:p>
          <a:p>
            <a:pPr lvl="0"/>
            <a:endParaRPr lang="ru-RU" sz="1400" dirty="0">
              <a:solidFill>
                <a:prstClr val="black"/>
              </a:solidFill>
            </a:endParaRPr>
          </a:p>
          <a:p>
            <a:pPr lvl="0"/>
            <a:endParaRPr lang="ru-RU" sz="1400" dirty="0">
              <a:solidFill>
                <a:prstClr val="black"/>
              </a:solidFill>
            </a:endParaRPr>
          </a:p>
          <a:p>
            <a:pPr lvl="0"/>
            <a:endParaRPr lang="ru-RU" sz="1400" dirty="0">
              <a:solidFill>
                <a:prstClr val="black"/>
              </a:solidFill>
            </a:endParaRPr>
          </a:p>
          <a:p>
            <a:pPr lvl="0"/>
            <a:endParaRPr lang="ru-RU" sz="1400" dirty="0">
              <a:solidFill>
                <a:prstClr val="black"/>
              </a:solidFill>
            </a:endParaRPr>
          </a:p>
          <a:p>
            <a:pPr marL="0" lvl="0" indent="0">
              <a:buNone/>
            </a:pPr>
            <a:endParaRPr lang="ru-RU" sz="1400" dirty="0">
              <a:solidFill>
                <a:prstClr val="black"/>
              </a:solidFill>
            </a:endParaRPr>
          </a:p>
        </p:txBody>
      </p:sp>
      <p:sp>
        <p:nvSpPr>
          <p:cNvPr id="5" name="Заголовок 4"/>
          <p:cNvSpPr>
            <a:spLocks noGrp="1"/>
          </p:cNvSpPr>
          <p:nvPr>
            <p:ph type="title"/>
          </p:nvPr>
        </p:nvSpPr>
        <p:spPr>
          <a:xfrm>
            <a:off x="1039186" y="1126132"/>
            <a:ext cx="10238317" cy="914400"/>
          </a:xfrm>
        </p:spPr>
        <p:txBody>
          <a:bodyPr>
            <a:normAutofit fontScale="90000"/>
          </a:bodyPr>
          <a:lstStyle/>
          <a:p>
            <a:pPr algn="ctr"/>
            <a:r>
              <a:rPr lang="ru-RU" sz="24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Хроническая сердечная недостаточность. Клинические рекомендации 2020 года</a:t>
            </a:r>
            <a:br>
              <a:rPr lang="ru-RU" sz="24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</a:br>
            <a:r>
              <a:rPr lang="ru-RU" sz="24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/>
            </a:r>
            <a:br>
              <a:rPr lang="ru-RU" sz="24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</a:br>
            <a:r>
              <a:rPr lang="ru-RU" sz="24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Особенности лечения пациентов с хронической сердечной недостаточностью и Сахарным диабетом</a:t>
            </a:r>
            <a:br>
              <a:rPr lang="ru-RU" sz="24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</a:br>
            <a:endParaRPr lang="en-US" sz="2400" b="1" dirty="0">
              <a:solidFill>
                <a:schemeClr val="tx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pic>
        <p:nvPicPr>
          <p:cNvPr id="2" name="Рисунок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50747" y="2040532"/>
            <a:ext cx="8769927" cy="35025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5071857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12247154"/>
              </p:ext>
            </p:extLst>
          </p:nvPr>
        </p:nvGraphicFramePr>
        <p:xfrm>
          <a:off x="524161" y="1032021"/>
          <a:ext cx="10838873" cy="4023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46218">
                  <a:extLst>
                    <a:ext uri="{9D8B030D-6E8A-4147-A177-3AD203B41FA5}">
                      <a16:colId xmlns="" xmlns:a16="http://schemas.microsoft.com/office/drawing/2014/main" val="2448266626"/>
                    </a:ext>
                  </a:extLst>
                </a:gridCol>
                <a:gridCol w="1638531">
                  <a:extLst>
                    <a:ext uri="{9D8B030D-6E8A-4147-A177-3AD203B41FA5}">
                      <a16:colId xmlns="" xmlns:a16="http://schemas.microsoft.com/office/drawing/2014/main" val="1733652720"/>
                    </a:ext>
                  </a:extLst>
                </a:gridCol>
                <a:gridCol w="1638531">
                  <a:extLst>
                    <a:ext uri="{9D8B030D-6E8A-4147-A177-3AD203B41FA5}">
                      <a16:colId xmlns="" xmlns:a16="http://schemas.microsoft.com/office/drawing/2014/main" val="2732274898"/>
                    </a:ext>
                  </a:extLst>
                </a:gridCol>
                <a:gridCol w="1638531">
                  <a:extLst>
                    <a:ext uri="{9D8B030D-6E8A-4147-A177-3AD203B41FA5}">
                      <a16:colId xmlns="" xmlns:a16="http://schemas.microsoft.com/office/drawing/2014/main" val="1474708324"/>
                    </a:ext>
                  </a:extLst>
                </a:gridCol>
                <a:gridCol w="1638531">
                  <a:extLst>
                    <a:ext uri="{9D8B030D-6E8A-4147-A177-3AD203B41FA5}">
                      <a16:colId xmlns="" xmlns:a16="http://schemas.microsoft.com/office/drawing/2014/main" val="678264631"/>
                    </a:ext>
                  </a:extLst>
                </a:gridCol>
                <a:gridCol w="1638531">
                  <a:extLst>
                    <a:ext uri="{9D8B030D-6E8A-4147-A177-3AD203B41FA5}">
                      <a16:colId xmlns="" xmlns:a16="http://schemas.microsoft.com/office/drawing/2014/main" val="1744591385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EMPA-REG</a:t>
                      </a:r>
                      <a:r>
                        <a:rPr lang="en-US" baseline="0" dirty="0"/>
                        <a:t> OUTCOME</a:t>
                      </a:r>
                      <a:r>
                        <a:rPr lang="en-US" baseline="30000" dirty="0"/>
                        <a:t>1,</a:t>
                      </a:r>
                    </a:p>
                    <a:p>
                      <a:r>
                        <a:rPr lang="ru-RU" baseline="30000" dirty="0"/>
                        <a:t>(эмпаглифлозин)</a:t>
                      </a:r>
                      <a:endParaRPr lang="en-US" baseline="300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ANVAS</a:t>
                      </a:r>
                      <a:r>
                        <a:rPr lang="ru-RU" baseline="30000" dirty="0"/>
                        <a:t>2</a:t>
                      </a:r>
                    </a:p>
                    <a:p>
                      <a:r>
                        <a:rPr lang="ru-RU" baseline="30000" dirty="0"/>
                        <a:t>(канаглифлозин)</a:t>
                      </a:r>
                      <a:endParaRPr lang="en-US" baseline="300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CLARE-TIMI</a:t>
                      </a:r>
                      <a:r>
                        <a:rPr lang="en-US" baseline="0" dirty="0"/>
                        <a:t> 58</a:t>
                      </a:r>
                      <a:r>
                        <a:rPr lang="ru-RU" baseline="30000" dirty="0"/>
                        <a:t>3</a:t>
                      </a:r>
                    </a:p>
                    <a:p>
                      <a:r>
                        <a:rPr lang="ru-RU" baseline="30000" dirty="0"/>
                        <a:t>(дапаглифлозин)</a:t>
                      </a:r>
                      <a:endParaRPr lang="en-US" baseline="300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VERTIS-CV</a:t>
                      </a:r>
                      <a:r>
                        <a:rPr lang="ru-RU" baseline="30000" dirty="0"/>
                        <a:t>4</a:t>
                      </a:r>
                    </a:p>
                    <a:p>
                      <a:r>
                        <a:rPr lang="ru-RU" baseline="30000" dirty="0"/>
                        <a:t>(эртуглифлозин)</a:t>
                      </a:r>
                      <a:endParaRPr lang="en-US" baseline="300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REDENCE</a:t>
                      </a:r>
                      <a:r>
                        <a:rPr lang="ru-RU" baseline="30000" dirty="0"/>
                        <a:t>5</a:t>
                      </a:r>
                    </a:p>
                    <a:p>
                      <a:r>
                        <a:rPr lang="ru-RU" baseline="30000" dirty="0"/>
                        <a:t>(канаглифлозин)</a:t>
                      </a:r>
                      <a:endParaRPr lang="en-US" baseline="300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35903551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b="1" dirty="0"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3 </a:t>
                      </a:r>
                      <a:r>
                        <a:rPr lang="en-US" b="1" dirty="0"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MACE</a:t>
                      </a:r>
                      <a:endParaRPr lang="ru-RU" b="1" dirty="0"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  <a:p>
                      <a:endParaRPr lang="ru-RU" b="1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ru-RU" b="1" dirty="0"/>
                        <a:t>14%</a:t>
                      </a:r>
                      <a:r>
                        <a:rPr lang="ru-RU" b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⃰</a:t>
                      </a:r>
                      <a:endParaRPr lang="en-US" b="1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b="1" dirty="0"/>
                        <a:t>14%</a:t>
                      </a:r>
                      <a:r>
                        <a:rPr lang="ru-RU" b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⃰</a:t>
                      </a:r>
                      <a:endParaRPr lang="en-US" b="1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/>
                        <a:t>N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ru-RU" b="1" dirty="0"/>
                        <a:t>3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†</a:t>
                      </a: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b="1" dirty="0"/>
                        <a:t>20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3110265459"/>
                  </a:ext>
                </a:extLst>
              </a:tr>
              <a:tr h="469208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CC </a:t>
                      </a:r>
                      <a:r>
                        <a:rPr lang="ru-RU" b="1" dirty="0"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смерть</a:t>
                      </a:r>
                    </a:p>
                    <a:p>
                      <a:endParaRPr lang="en-US" b="1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b="1" dirty="0"/>
                        <a:t>38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/>
                        <a:t>N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/>
                        <a:t>N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/>
                        <a:t>N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22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20494698"/>
                  </a:ext>
                </a:extLst>
              </a:tr>
              <a:tr h="360219">
                <a:tc>
                  <a:txBody>
                    <a:bodyPr/>
                    <a:lstStyle/>
                    <a:p>
                      <a:r>
                        <a:rPr lang="ru-RU" b="1" dirty="0"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Госпитализации по причине СН</a:t>
                      </a:r>
                      <a:endParaRPr lang="en-US" b="1" dirty="0"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35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33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27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30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  <a:endParaRPr lang="en-US" b="1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39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9919997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b="1" dirty="0"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Почечные </a:t>
                      </a:r>
                      <a:endParaRPr lang="ru-RU" b="1" dirty="0" smtClean="0"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  <a:p>
                      <a:r>
                        <a:rPr lang="ru-RU" b="1" dirty="0" smtClean="0"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исходы</a:t>
                      </a:r>
                      <a:r>
                        <a:rPr lang="ru-RU" b="1" dirty="0"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″</a:t>
                      </a:r>
                      <a:endParaRPr lang="en-US" b="1" dirty="0"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39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40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24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</a:p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/>
                        <a:t>NS</a:t>
                      </a:r>
                      <a:endParaRPr lang="ru-RU" b="1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34%</a:t>
                      </a:r>
                      <a:r>
                        <a:rPr lang="ru-RU" b="1" baseline="30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‡</a:t>
                      </a:r>
                      <a:endParaRPr lang="en-US" b="1" baseline="30000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311183781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b="1" dirty="0"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Смерть</a:t>
                      </a:r>
                      <a:r>
                        <a:rPr lang="ru-RU" b="1" baseline="0" dirty="0">
                          <a:latin typeface="Verdana" pitchFamily="34" charset="0"/>
                          <a:ea typeface="Verdana" pitchFamily="34" charset="0"/>
                          <a:cs typeface="Verdana" pitchFamily="34" charset="0"/>
                        </a:rPr>
                        <a:t> по любой причине</a:t>
                      </a:r>
                      <a:endParaRPr lang="en-US" b="1" dirty="0">
                        <a:latin typeface="Verdana" pitchFamily="34" charset="0"/>
                        <a:ea typeface="Verdana" pitchFamily="34" charset="0"/>
                        <a:cs typeface="Verdana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800" b="1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32%</a:t>
                      </a:r>
                      <a:endParaRPr lang="en-US" sz="1800" b="1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NS</a:t>
                      </a:r>
                      <a:endParaRPr lang="ru-RU" b="1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NS</a:t>
                      </a:r>
                      <a:endParaRPr lang="ru-RU" b="1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/>
                        <a:t>NS</a:t>
                      </a:r>
                      <a:endParaRPr lang="ru-RU" b="1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/>
                        <a:t>NS</a:t>
                      </a:r>
                      <a:endParaRPr lang="ru-RU" b="1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941286621"/>
                  </a:ext>
                </a:extLst>
              </a:tr>
            </a:tbl>
          </a:graphicData>
        </a:graphic>
      </p:graphicFrame>
      <p:sp>
        <p:nvSpPr>
          <p:cNvPr id="4" name="Title 1"/>
          <p:cNvSpPr txBox="1">
            <a:spLocks/>
          </p:cNvSpPr>
          <p:nvPr/>
        </p:nvSpPr>
        <p:spPr>
          <a:xfrm>
            <a:off x="0" y="4206"/>
            <a:ext cx="12192000" cy="708512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20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itchFamily="34" charset="0"/>
              </a:rPr>
              <a:t>Снижение сердечно-сосудистых и почечных событий</a:t>
            </a: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20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itchFamily="34" charset="0"/>
              </a:rPr>
              <a:t>в исследованиях иНГЛТ-2 у пациентов с СД 2 типа</a:t>
            </a: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20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itchFamily="34" charset="0"/>
              </a:rPr>
              <a:t>(кардио- и нефропротекция)</a:t>
            </a:r>
            <a:endParaRPr lang="en-US" sz="2000" b="1" dirty="0">
              <a:solidFill>
                <a:srgbClr val="002060"/>
              </a:solidFill>
              <a:latin typeface="Verdana" panose="020B0604030504040204" pitchFamily="34" charset="0"/>
              <a:ea typeface="Verdana" panose="020B0604030504040204" pitchFamily="34" charset="0"/>
              <a:cs typeface="Verdana" pitchFamily="34" charset="0"/>
            </a:endParaRPr>
          </a:p>
        </p:txBody>
      </p:sp>
      <p:grpSp>
        <p:nvGrpSpPr>
          <p:cNvPr id="5" name="Group 29"/>
          <p:cNvGrpSpPr/>
          <p:nvPr/>
        </p:nvGrpSpPr>
        <p:grpSpPr>
          <a:xfrm>
            <a:off x="2558906" y="1925470"/>
            <a:ext cx="7979207" cy="2410399"/>
            <a:chOff x="2558906" y="2064619"/>
            <a:chExt cx="7979207" cy="2410399"/>
          </a:xfrm>
        </p:grpSpPr>
        <p:sp>
          <p:nvSpPr>
            <p:cNvPr id="7" name="Isosceles Triangle 6"/>
            <p:cNvSpPr/>
            <p:nvPr/>
          </p:nvSpPr>
          <p:spPr>
            <a:xfrm rot="10800000">
              <a:off x="3360305" y="2064620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" name="Isosceles Triangle 7"/>
            <p:cNvSpPr/>
            <p:nvPr/>
          </p:nvSpPr>
          <p:spPr>
            <a:xfrm rot="10800000">
              <a:off x="5015922" y="2064620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" name="Isosceles Triangle 8"/>
            <p:cNvSpPr/>
            <p:nvPr/>
          </p:nvSpPr>
          <p:spPr>
            <a:xfrm rot="10800000">
              <a:off x="8383153" y="2064620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" name="Isosceles Triangle 9"/>
            <p:cNvSpPr/>
            <p:nvPr/>
          </p:nvSpPr>
          <p:spPr>
            <a:xfrm rot="10800000">
              <a:off x="9955068" y="2064619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" name="Isosceles Triangle 10"/>
            <p:cNvSpPr/>
            <p:nvPr/>
          </p:nvSpPr>
          <p:spPr>
            <a:xfrm rot="10800000">
              <a:off x="3360305" y="2715001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" name="Isosceles Triangle 11"/>
            <p:cNvSpPr/>
            <p:nvPr/>
          </p:nvSpPr>
          <p:spPr>
            <a:xfrm rot="10800000">
              <a:off x="9955068" y="2771937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" name="Isosceles Triangle 12"/>
            <p:cNvSpPr/>
            <p:nvPr/>
          </p:nvSpPr>
          <p:spPr>
            <a:xfrm rot="10800000">
              <a:off x="9992586" y="3379548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" name="Isosceles Triangle 14"/>
            <p:cNvSpPr/>
            <p:nvPr/>
          </p:nvSpPr>
          <p:spPr>
            <a:xfrm rot="10800000">
              <a:off x="10011640" y="3999145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pic>
          <p:nvPicPr>
            <p:cNvPr id="2" name="Picture 1"/>
            <p:cNvPicPr>
              <a:picLocks noChangeAspect="1"/>
            </p:cNvPicPr>
            <p:nvPr/>
          </p:nvPicPr>
          <p:blipFill rotWithShape="1"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2558906" y="3879273"/>
              <a:ext cx="572221" cy="595745"/>
            </a:xfrm>
            <a:prstGeom prst="rect">
              <a:avLst/>
            </a:prstGeom>
            <a:solidFill>
              <a:srgbClr val="F5D7D5"/>
            </a:solidFill>
          </p:spPr>
        </p:pic>
        <p:sp>
          <p:nvSpPr>
            <p:cNvPr id="16" name="Isosceles Triangle 15"/>
            <p:cNvSpPr/>
            <p:nvPr/>
          </p:nvSpPr>
          <p:spPr>
            <a:xfrm rot="10800000">
              <a:off x="8383153" y="3390779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" name="Isosceles Triangle 16"/>
            <p:cNvSpPr/>
            <p:nvPr/>
          </p:nvSpPr>
          <p:spPr>
            <a:xfrm rot="10800000">
              <a:off x="6812394" y="3349215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8" name="Isosceles Triangle 17"/>
            <p:cNvSpPr/>
            <p:nvPr/>
          </p:nvSpPr>
          <p:spPr>
            <a:xfrm rot="10800000">
              <a:off x="6865506" y="4008999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9" name="Isosceles Triangle 18"/>
            <p:cNvSpPr/>
            <p:nvPr/>
          </p:nvSpPr>
          <p:spPr>
            <a:xfrm rot="10800000">
              <a:off x="5040168" y="3312625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0" name="Isosceles Triangle 19"/>
            <p:cNvSpPr/>
            <p:nvPr/>
          </p:nvSpPr>
          <p:spPr>
            <a:xfrm rot="10800000">
              <a:off x="5069320" y="3999144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1" name="Isosceles Triangle 20"/>
            <p:cNvSpPr/>
            <p:nvPr/>
          </p:nvSpPr>
          <p:spPr>
            <a:xfrm rot="10800000">
              <a:off x="3336058" y="3365383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" name="Isosceles Triangle 21"/>
            <p:cNvSpPr/>
            <p:nvPr/>
          </p:nvSpPr>
          <p:spPr>
            <a:xfrm rot="10800000">
              <a:off x="3340099" y="3978865"/>
              <a:ext cx="526473" cy="443345"/>
            </a:xfrm>
            <a:prstGeom prst="triangle">
              <a:avLst/>
            </a:prstGeom>
            <a:solidFill>
              <a:srgbClr val="E13743"/>
            </a:solidFill>
            <a:ln>
              <a:solidFill>
                <a:srgbClr val="E1374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24" name="Rectangle 23"/>
          <p:cNvSpPr/>
          <p:nvPr/>
        </p:nvSpPr>
        <p:spPr>
          <a:xfrm>
            <a:off x="206814" y="5063713"/>
            <a:ext cx="11873348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0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равнение исследований следует интерпретировать с осторожностью из-за различий в дизайне, популяциях и методологии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⃰Тестирование на превосходство 3P-MACE было первичной конечной точкой (вторичной для </a:t>
            </a:r>
            <a:r>
              <a:rPr kumimoji="0" lang="ru-RU" sz="10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дапагифозина</a:t>
            </a: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); †Тестирование на отсутствие превосходства для 3P-MACE было первичной конечной точкой ; ‡Вторичные конечные точки, определенные в протоколах обследования; </a:t>
            </a:r>
            <a:r>
              <a:rPr kumimoji="0" lang="ru-RU" sz="10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″</a:t>
            </a: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EMPA-REG 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Outcome</a:t>
            </a: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: прогрессирование до макроальбуминурии (UACR&gt; 300 мг/г), удвоение сывороточного креатинина (сопровождаемое EGFR (MDRD) 345 мл/мин /1,73 м</a:t>
            </a:r>
            <a:r>
              <a:rPr kumimoji="0" lang="ru-RU" sz="1000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2</a:t>
            </a: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), начало ЗПТ или  смерть от ХБП; CANVAS: снижение СКФ на 40%, ЗПТ или смерть по причине ХБП; DECLARE-TIMI 58: снижение СКФ на 40% до &lt;60 мл/мин/1,73 м</a:t>
            </a:r>
            <a:r>
              <a:rPr kumimoji="0" lang="ru-RU" sz="1000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2</a:t>
            </a: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, ТХПН или смерть от ХБП или сердечно-сосудистой причины; VERTIS-CV: почечная смерть, диализ / трансплантация, удвоение креатинина в сыворотке; </a:t>
            </a: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CREDENCE</a:t>
            </a: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: ХБП (диализ, трансплантация или устойчивая ТХПН &lt;15 мл/мин/1,73 м</a:t>
            </a:r>
            <a:r>
              <a:rPr kumimoji="0" lang="ru-RU" sz="1000" b="0" i="0" u="none" strike="noStrike" kern="1200" cap="none" spc="0" normalizeH="0" baseline="3000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2</a:t>
            </a: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), удвоение креатинина в сыворотке или смерть от ХБП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ХБП, хроническая болезнь почек, СД2, сахарный диабет 2 типа, НГЛТ2, натрий-глюкозный котранспортер 2 типа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25" name="Rectangle 24"/>
          <p:cNvSpPr/>
          <p:nvPr/>
        </p:nvSpPr>
        <p:spPr>
          <a:xfrm>
            <a:off x="-1" y="6465403"/>
            <a:ext cx="11500435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1</a:t>
            </a: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. Zinman B et al. N Engl J Med 2015;373:2117-2128. 2. Neal B et al. N Engl J Med 2017;377:644-657. 3. Wiviott SD et al. N Engl J Med 2019;380:347-357.</a:t>
            </a:r>
            <a:r>
              <a:rPr kumimoji="0" lang="nl-NL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4.</a:t>
            </a: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Cannon CP, Pratley R, </a:t>
            </a:r>
            <a:r>
              <a:rPr kumimoji="0" lang="en-US" sz="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Dagogo</a:t>
            </a: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-Jack S, et al. Cardiovascular outcomes with </a:t>
            </a:r>
            <a:r>
              <a:rPr kumimoji="0" lang="en-US" sz="8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ertugliflozin</a:t>
            </a: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in type 2 diabetes. N Engl J Med. Published online September 23, 2020. doi:10.1056/NEJMoa2004967 </a:t>
            </a: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5.</a:t>
            </a:r>
            <a:r>
              <a:rPr kumimoji="0" lang="nl-NL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Perkovic V et al. N Engl J Med 2019;380:2295–2306</a:t>
            </a: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.</a:t>
            </a: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pic>
        <p:nvPicPr>
          <p:cNvPr id="27" name="Picture 26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42452" y="3160820"/>
            <a:ext cx="542924" cy="540327"/>
          </a:xfrm>
          <a:prstGeom prst="rect">
            <a:avLst/>
          </a:prstGeom>
          <a:solidFill>
            <a:srgbClr val="F5D7D5"/>
          </a:solidFill>
        </p:spPr>
      </p:pic>
      <p:pic>
        <p:nvPicPr>
          <p:cNvPr id="28" name="Picture 27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43322" y="2505578"/>
            <a:ext cx="598343" cy="554182"/>
          </a:xfrm>
          <a:prstGeom prst="rect">
            <a:avLst/>
          </a:prstGeom>
          <a:solidFill>
            <a:srgbClr val="F5D7D5"/>
          </a:solidFill>
        </p:spPr>
      </p:pic>
      <p:pic>
        <p:nvPicPr>
          <p:cNvPr id="29" name="Picture 28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62514" y="1908955"/>
            <a:ext cx="572513" cy="571501"/>
          </a:xfrm>
          <a:prstGeom prst="rect">
            <a:avLst/>
          </a:prstGeom>
          <a:solidFill>
            <a:srgbClr val="F5D7D5"/>
          </a:solidFill>
        </p:spPr>
      </p:pic>
      <p:sp>
        <p:nvSpPr>
          <p:cNvPr id="26" name="Isosceles Triangle 25"/>
          <p:cNvSpPr/>
          <p:nvPr/>
        </p:nvSpPr>
        <p:spPr>
          <a:xfrm rot="10800000">
            <a:off x="3360305" y="4451043"/>
            <a:ext cx="526473" cy="443345"/>
          </a:xfrm>
          <a:prstGeom prst="triangle">
            <a:avLst/>
          </a:prstGeom>
          <a:solidFill>
            <a:srgbClr val="E13743"/>
          </a:solidFill>
          <a:ln>
            <a:solidFill>
              <a:srgbClr val="E1374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4371452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1045" y="117566"/>
            <a:ext cx="11661138" cy="66489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93093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Объект 3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70263" y="209006"/>
            <a:ext cx="11580209" cy="65900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662880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Chart 3"/>
          <p:cNvGraphicFramePr/>
          <p:nvPr/>
        </p:nvGraphicFramePr>
        <p:xfrm>
          <a:off x="394818" y="598317"/>
          <a:ext cx="11127346" cy="504523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6" name="Rectangle 5"/>
          <p:cNvSpPr/>
          <p:nvPr/>
        </p:nvSpPr>
        <p:spPr>
          <a:xfrm>
            <a:off x="984650" y="44261"/>
            <a:ext cx="10620643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24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NNT</a:t>
            </a:r>
            <a:r>
              <a:rPr lang="ru-RU" sz="24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 (КПНП, ЧБНЛ)</a:t>
            </a:r>
            <a:r>
              <a:rPr lang="en-US" sz="24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 </a:t>
            </a:r>
            <a:r>
              <a:rPr lang="ru-RU" sz="24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в течении 3 лет</a:t>
            </a:r>
            <a:r>
              <a:rPr lang="en-US" sz="24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 </a:t>
            </a:r>
            <a:r>
              <a:rPr lang="ru-RU" sz="24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в исследованиях по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24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 сердечно-сосудистой безопасности иНГЛТ-2 </a:t>
            </a:r>
          </a:p>
        </p:txBody>
      </p:sp>
      <p:sp>
        <p:nvSpPr>
          <p:cNvPr id="7" name="Rectangle 6"/>
          <p:cNvSpPr/>
          <p:nvPr/>
        </p:nvSpPr>
        <p:spPr>
          <a:xfrm>
            <a:off x="217635" y="5797561"/>
            <a:ext cx="11831782" cy="89255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НГЛТ2, натрий-глюкозный </a:t>
            </a:r>
            <a:r>
              <a:rPr kumimoji="0" lang="ru-RU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котранспортёр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2 типа;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NT- Number Needed to Treat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(количество пациентов, которое необходимо пролечить для предотвращения одного события); 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3 MACE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, 3 основных больших  сердечно-сосудистых события; ССС, сердечно-сосудистая смерть; ГСН, госпитализации по причине сердечной недостаточности; ССЗ, сердечно-сосудистые заболевания; СД2, сахарный диабет 2 типа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rancesco </a:t>
            </a:r>
            <a:r>
              <a:rPr kumimoji="0" lang="en-US" sz="16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Giorgino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, Diabetes </a:t>
            </a:r>
            <a:r>
              <a:rPr kumimoji="0" lang="en-US" sz="16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bes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en-US" sz="16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etab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. 2020;22:1481–1495.</a:t>
            </a:r>
          </a:p>
        </p:txBody>
      </p:sp>
      <p:sp>
        <p:nvSpPr>
          <p:cNvPr id="2" name="Rectangle 1"/>
          <p:cNvSpPr/>
          <p:nvPr/>
        </p:nvSpPr>
        <p:spPr>
          <a:xfrm>
            <a:off x="6294972" y="1671832"/>
            <a:ext cx="4999446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000" b="1" i="1" u="none" strike="noStrike" kern="0" cap="none" spc="-5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/>
                <a:ea typeface="+mn-ea"/>
                <a:cs typeface="Arial"/>
              </a:rPr>
              <a:t>Пациенты с СД2 и подтвержденными ССЗ</a:t>
            </a:r>
            <a:endParaRPr kumimoji="0" lang="en-US" sz="2000" b="0" i="1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558727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graphicEl>
                                              <a:chart seriesIdx="-3" categoryIdx="-3" bldStep="gridLegend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4">
                                            <p:graphicEl>
                                              <a:chart seriesIdx="-3" categoryIdx="-3" bldStep="gridLegend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graphicEl>
                                              <a:chart seriesIdx="0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" dur="500"/>
                                        <p:tgtEl>
                                          <p:spTgt spid="4">
                                            <p:graphicEl>
                                              <a:chart seriesIdx="0" categoryIdx="-4" bldStep="series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graphicEl>
                                              <a:chart seriesIdx="1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8" dur="500"/>
                                        <p:tgtEl>
                                          <p:spTgt spid="4">
                                            <p:graphicEl>
                                              <a:chart seriesIdx="1" categoryIdx="-4" bldStep="series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graphicEl>
                                              <a:chart seriesIdx="2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3" dur="500"/>
                                        <p:tgtEl>
                                          <p:spTgt spid="4">
                                            <p:graphicEl>
                                              <a:chart seriesIdx="2" categoryIdx="-4" bldStep="series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4" grpId="0">
        <p:bldSub>
          <a:bldChart bld="series"/>
        </p:bldSub>
      </p:bldGraphic>
      <p:bldP spid="2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="" xmlns:a16="http://schemas.microsoft.com/office/drawing/2014/main" id="{2C6065D3-E0B9-4A3F-97B3-6884543AAA2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8163"/>
          <a:stretch/>
        </p:blipFill>
        <p:spPr>
          <a:xfrm>
            <a:off x="20" y="10"/>
            <a:ext cx="12191980" cy="6857990"/>
          </a:xfrm>
          <a:prstGeom prst="rect">
            <a:avLst/>
          </a:prstGeom>
          <a:noFill/>
        </p:spPr>
      </p:pic>
      <p:sp>
        <p:nvSpPr>
          <p:cNvPr id="3" name="Slide Number Placeholder 2" hidden="1">
            <a:extLst>
              <a:ext uri="{FF2B5EF4-FFF2-40B4-BE49-F238E27FC236}">
                <a16:creationId xmlns="" xmlns:a16="http://schemas.microsoft.com/office/drawing/2014/main" id="{DF386ECD-21A7-4DB3-9F97-11B0E473CBC5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456258"/>
            <a:ext cx="407988" cy="30914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F8E47D07-9D1E-4FE9-B31A-2F5863681021}" type="slidenum">
              <a:rPr kumimoji="0" lang="en-GB" sz="1050" b="0" i="0" u="none" strike="noStrike" kern="1200" cap="none" spc="0" normalizeH="0" baseline="0" noProof="0" smtClean="0">
                <a:ln>
                  <a:noFill/>
                </a:ln>
                <a:solidFill>
                  <a:srgbClr val="3F4444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050" b="0" i="0" u="none" strike="noStrike" kern="1200" cap="none" spc="0" normalizeH="0" baseline="0" noProof="0">
              <a:ln>
                <a:noFill/>
              </a:ln>
              <a:solidFill>
                <a:srgbClr val="3F4444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8523897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Chart 1">
            <a:extLst>
              <a:ext uri="{FF2B5EF4-FFF2-40B4-BE49-F238E27FC236}">
                <a16:creationId xmlns="" xmlns:a16="http://schemas.microsoft.com/office/drawing/2014/main" id="{935C8FA9-7A50-429D-AAC8-36D6EF4C48C9}"/>
              </a:ext>
            </a:extLst>
          </p:cNvPr>
          <p:cNvGraphicFramePr/>
          <p:nvPr/>
        </p:nvGraphicFramePr>
        <p:xfrm>
          <a:off x="1605794" y="1519162"/>
          <a:ext cx="9018691" cy="4752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Title 1">
            <a:extLst>
              <a:ext uri="{FF2B5EF4-FFF2-40B4-BE49-F238E27FC236}">
                <a16:creationId xmlns="" xmlns:a16="http://schemas.microsoft.com/office/drawing/2014/main" id="{B6BBD671-C7D6-49B9-8C82-45CDCFB276B3}"/>
              </a:ext>
            </a:extLst>
          </p:cNvPr>
          <p:cNvSpPr txBox="1">
            <a:spLocks/>
          </p:cNvSpPr>
          <p:nvPr/>
        </p:nvSpPr>
        <p:spPr>
          <a:xfrm>
            <a:off x="463139" y="291818"/>
            <a:ext cx="11304000" cy="1325563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>
            <a:lvl1pPr algn="l" defTabSz="121917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32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24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EMPRISE: Применение эмпаглифлозина было связано со снижением риска ГСН* в условиях повседневной клинической практики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="" xmlns:a16="http://schemas.microsoft.com/office/drawing/2014/main" id="{EB26F756-40D2-41B0-B503-18B6AC01B233}"/>
              </a:ext>
            </a:extLst>
          </p:cNvPr>
          <p:cNvSpPr txBox="1"/>
          <p:nvPr/>
        </p:nvSpPr>
        <p:spPr>
          <a:xfrm>
            <a:off x="2653017" y="1925978"/>
            <a:ext cx="2747587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121921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4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</a:rPr>
              <a:t>ОР 0,56</a:t>
            </a:r>
            <a:r>
              <a:rPr kumimoji="0" sz="240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</a:rPr>
              <a:t/>
            </a:r>
            <a:br>
              <a:rPr kumimoji="0" sz="240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</a:rPr>
            </a:br>
            <a:r>
              <a:rPr kumimoji="0" lang="ru-RU" sz="24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</a:rPr>
              <a:t>(95 % ДИ 0,43; 0,73)</a:t>
            </a:r>
          </a:p>
          <a:p>
            <a:pPr marL="0" marR="0" lvl="0" indent="0" algn="l" defTabSz="121921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4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</a:rPr>
              <a:t>P &lt; 0,0001</a:t>
            </a: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Arial"/>
              <a:sym typeface="Helvetica Light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="" xmlns:a16="http://schemas.microsoft.com/office/drawing/2014/main" id="{F49F3705-1B53-42BA-8D93-1D1A0C823079}"/>
              </a:ext>
            </a:extLst>
          </p:cNvPr>
          <p:cNvGrpSpPr/>
          <p:nvPr/>
        </p:nvGrpSpPr>
        <p:grpSpPr>
          <a:xfrm>
            <a:off x="2519679" y="4432935"/>
            <a:ext cx="7966711" cy="958851"/>
            <a:chOff x="1814513" y="3202781"/>
            <a:chExt cx="6057900" cy="719138"/>
          </a:xfrm>
        </p:grpSpPr>
        <p:sp>
          <p:nvSpPr>
            <p:cNvPr id="6" name="Freeform: Shape 59">
              <a:extLst>
                <a:ext uri="{FF2B5EF4-FFF2-40B4-BE49-F238E27FC236}">
                  <a16:creationId xmlns="" xmlns:a16="http://schemas.microsoft.com/office/drawing/2014/main" id="{9C2C1035-8279-4253-AFBC-40D5AC5E38A7}"/>
                </a:ext>
              </a:extLst>
            </p:cNvPr>
            <p:cNvSpPr/>
            <p:nvPr/>
          </p:nvSpPr>
          <p:spPr bwMode="auto">
            <a:xfrm>
              <a:off x="1814513" y="3431381"/>
              <a:ext cx="2836068" cy="490538"/>
            </a:xfrm>
            <a:custGeom>
              <a:avLst/>
              <a:gdLst>
                <a:gd name="connsiteX0" fmla="*/ 0 w 2836068"/>
                <a:gd name="connsiteY0" fmla="*/ 490538 h 490538"/>
                <a:gd name="connsiteX1" fmla="*/ 50006 w 2836068"/>
                <a:gd name="connsiteY1" fmla="*/ 490538 h 490538"/>
                <a:gd name="connsiteX2" fmla="*/ 50006 w 2836068"/>
                <a:gd name="connsiteY2" fmla="*/ 490538 h 490538"/>
                <a:gd name="connsiteX3" fmla="*/ 107156 w 2836068"/>
                <a:gd name="connsiteY3" fmla="*/ 490538 h 490538"/>
                <a:gd name="connsiteX4" fmla="*/ 107156 w 2836068"/>
                <a:gd name="connsiteY4" fmla="*/ 481013 h 490538"/>
                <a:gd name="connsiteX5" fmla="*/ 142875 w 2836068"/>
                <a:gd name="connsiteY5" fmla="*/ 481013 h 490538"/>
                <a:gd name="connsiteX6" fmla="*/ 142875 w 2836068"/>
                <a:gd name="connsiteY6" fmla="*/ 478632 h 490538"/>
                <a:gd name="connsiteX7" fmla="*/ 154781 w 2836068"/>
                <a:gd name="connsiteY7" fmla="*/ 478632 h 490538"/>
                <a:gd name="connsiteX8" fmla="*/ 154781 w 2836068"/>
                <a:gd name="connsiteY8" fmla="*/ 471488 h 490538"/>
                <a:gd name="connsiteX9" fmla="*/ 166687 w 2836068"/>
                <a:gd name="connsiteY9" fmla="*/ 471488 h 490538"/>
                <a:gd name="connsiteX10" fmla="*/ 166687 w 2836068"/>
                <a:gd name="connsiteY10" fmla="*/ 461963 h 490538"/>
                <a:gd name="connsiteX11" fmla="*/ 211931 w 2836068"/>
                <a:gd name="connsiteY11" fmla="*/ 461963 h 490538"/>
                <a:gd name="connsiteX12" fmla="*/ 211931 w 2836068"/>
                <a:gd name="connsiteY12" fmla="*/ 457200 h 490538"/>
                <a:gd name="connsiteX13" fmla="*/ 235743 w 2836068"/>
                <a:gd name="connsiteY13" fmla="*/ 457200 h 490538"/>
                <a:gd name="connsiteX14" fmla="*/ 235743 w 2836068"/>
                <a:gd name="connsiteY14" fmla="*/ 450057 h 490538"/>
                <a:gd name="connsiteX15" fmla="*/ 250031 w 2836068"/>
                <a:gd name="connsiteY15" fmla="*/ 450057 h 490538"/>
                <a:gd name="connsiteX16" fmla="*/ 250031 w 2836068"/>
                <a:gd name="connsiteY16" fmla="*/ 440532 h 490538"/>
                <a:gd name="connsiteX17" fmla="*/ 271462 w 2836068"/>
                <a:gd name="connsiteY17" fmla="*/ 440532 h 490538"/>
                <a:gd name="connsiteX18" fmla="*/ 276225 w 2836068"/>
                <a:gd name="connsiteY18" fmla="*/ 435769 h 490538"/>
                <a:gd name="connsiteX19" fmla="*/ 311943 w 2836068"/>
                <a:gd name="connsiteY19" fmla="*/ 435769 h 490538"/>
                <a:gd name="connsiteX20" fmla="*/ 311943 w 2836068"/>
                <a:gd name="connsiteY20" fmla="*/ 431007 h 490538"/>
                <a:gd name="connsiteX21" fmla="*/ 323850 w 2836068"/>
                <a:gd name="connsiteY21" fmla="*/ 431007 h 490538"/>
                <a:gd name="connsiteX22" fmla="*/ 323850 w 2836068"/>
                <a:gd name="connsiteY22" fmla="*/ 423863 h 490538"/>
                <a:gd name="connsiteX23" fmla="*/ 338137 w 2836068"/>
                <a:gd name="connsiteY23" fmla="*/ 423863 h 490538"/>
                <a:gd name="connsiteX24" fmla="*/ 338137 w 2836068"/>
                <a:gd name="connsiteY24" fmla="*/ 421482 h 490538"/>
                <a:gd name="connsiteX25" fmla="*/ 354806 w 2836068"/>
                <a:gd name="connsiteY25" fmla="*/ 421482 h 490538"/>
                <a:gd name="connsiteX26" fmla="*/ 354806 w 2836068"/>
                <a:gd name="connsiteY26" fmla="*/ 416719 h 490538"/>
                <a:gd name="connsiteX27" fmla="*/ 411956 w 2836068"/>
                <a:gd name="connsiteY27" fmla="*/ 416719 h 490538"/>
                <a:gd name="connsiteX28" fmla="*/ 411956 w 2836068"/>
                <a:gd name="connsiteY28" fmla="*/ 409575 h 490538"/>
                <a:gd name="connsiteX29" fmla="*/ 435768 w 2836068"/>
                <a:gd name="connsiteY29" fmla="*/ 409575 h 490538"/>
                <a:gd name="connsiteX30" fmla="*/ 435768 w 2836068"/>
                <a:gd name="connsiteY30" fmla="*/ 404813 h 490538"/>
                <a:gd name="connsiteX31" fmla="*/ 478631 w 2836068"/>
                <a:gd name="connsiteY31" fmla="*/ 404813 h 490538"/>
                <a:gd name="connsiteX32" fmla="*/ 478631 w 2836068"/>
                <a:gd name="connsiteY32" fmla="*/ 392907 h 490538"/>
                <a:gd name="connsiteX33" fmla="*/ 490537 w 2836068"/>
                <a:gd name="connsiteY33" fmla="*/ 392907 h 490538"/>
                <a:gd name="connsiteX34" fmla="*/ 490537 w 2836068"/>
                <a:gd name="connsiteY34" fmla="*/ 385763 h 490538"/>
                <a:gd name="connsiteX35" fmla="*/ 533400 w 2836068"/>
                <a:gd name="connsiteY35" fmla="*/ 385763 h 490538"/>
                <a:gd name="connsiteX36" fmla="*/ 533400 w 2836068"/>
                <a:gd name="connsiteY36" fmla="*/ 378619 h 490538"/>
                <a:gd name="connsiteX37" fmla="*/ 592931 w 2836068"/>
                <a:gd name="connsiteY37" fmla="*/ 378619 h 490538"/>
                <a:gd name="connsiteX38" fmla="*/ 592931 w 2836068"/>
                <a:gd name="connsiteY38" fmla="*/ 373857 h 490538"/>
                <a:gd name="connsiteX39" fmla="*/ 614362 w 2836068"/>
                <a:gd name="connsiteY39" fmla="*/ 373857 h 490538"/>
                <a:gd name="connsiteX40" fmla="*/ 614362 w 2836068"/>
                <a:gd name="connsiteY40" fmla="*/ 369094 h 490538"/>
                <a:gd name="connsiteX41" fmla="*/ 626268 w 2836068"/>
                <a:gd name="connsiteY41" fmla="*/ 369094 h 490538"/>
                <a:gd name="connsiteX42" fmla="*/ 626268 w 2836068"/>
                <a:gd name="connsiteY42" fmla="*/ 364332 h 490538"/>
                <a:gd name="connsiteX43" fmla="*/ 659606 w 2836068"/>
                <a:gd name="connsiteY43" fmla="*/ 364332 h 490538"/>
                <a:gd name="connsiteX44" fmla="*/ 659606 w 2836068"/>
                <a:gd name="connsiteY44" fmla="*/ 359569 h 490538"/>
                <a:gd name="connsiteX45" fmla="*/ 678656 w 2836068"/>
                <a:gd name="connsiteY45" fmla="*/ 359569 h 490538"/>
                <a:gd name="connsiteX46" fmla="*/ 678656 w 2836068"/>
                <a:gd name="connsiteY46" fmla="*/ 350044 h 490538"/>
                <a:gd name="connsiteX47" fmla="*/ 690562 w 2836068"/>
                <a:gd name="connsiteY47" fmla="*/ 350044 h 490538"/>
                <a:gd name="connsiteX48" fmla="*/ 690562 w 2836068"/>
                <a:gd name="connsiteY48" fmla="*/ 345282 h 490538"/>
                <a:gd name="connsiteX49" fmla="*/ 707231 w 2836068"/>
                <a:gd name="connsiteY49" fmla="*/ 345282 h 490538"/>
                <a:gd name="connsiteX50" fmla="*/ 707231 w 2836068"/>
                <a:gd name="connsiteY50" fmla="*/ 338138 h 490538"/>
                <a:gd name="connsiteX51" fmla="*/ 719137 w 2836068"/>
                <a:gd name="connsiteY51" fmla="*/ 338138 h 490538"/>
                <a:gd name="connsiteX52" fmla="*/ 721518 w 2836068"/>
                <a:gd name="connsiteY52" fmla="*/ 335757 h 490538"/>
                <a:gd name="connsiteX53" fmla="*/ 835818 w 2836068"/>
                <a:gd name="connsiteY53" fmla="*/ 335757 h 490538"/>
                <a:gd name="connsiteX54" fmla="*/ 835818 w 2836068"/>
                <a:gd name="connsiteY54" fmla="*/ 316707 h 490538"/>
                <a:gd name="connsiteX55" fmla="*/ 847725 w 2836068"/>
                <a:gd name="connsiteY55" fmla="*/ 316707 h 490538"/>
                <a:gd name="connsiteX56" fmla="*/ 847725 w 2836068"/>
                <a:gd name="connsiteY56" fmla="*/ 304800 h 490538"/>
                <a:gd name="connsiteX57" fmla="*/ 871537 w 2836068"/>
                <a:gd name="connsiteY57" fmla="*/ 304800 h 490538"/>
                <a:gd name="connsiteX58" fmla="*/ 871537 w 2836068"/>
                <a:gd name="connsiteY58" fmla="*/ 297657 h 490538"/>
                <a:gd name="connsiteX59" fmla="*/ 904875 w 2836068"/>
                <a:gd name="connsiteY59" fmla="*/ 297657 h 490538"/>
                <a:gd name="connsiteX60" fmla="*/ 904875 w 2836068"/>
                <a:gd name="connsiteY60" fmla="*/ 292894 h 490538"/>
                <a:gd name="connsiteX61" fmla="*/ 923925 w 2836068"/>
                <a:gd name="connsiteY61" fmla="*/ 292894 h 490538"/>
                <a:gd name="connsiteX62" fmla="*/ 923925 w 2836068"/>
                <a:gd name="connsiteY62" fmla="*/ 283369 h 490538"/>
                <a:gd name="connsiteX63" fmla="*/ 985837 w 2836068"/>
                <a:gd name="connsiteY63" fmla="*/ 283369 h 490538"/>
                <a:gd name="connsiteX64" fmla="*/ 985837 w 2836068"/>
                <a:gd name="connsiteY64" fmla="*/ 276225 h 490538"/>
                <a:gd name="connsiteX65" fmla="*/ 1026318 w 2836068"/>
                <a:gd name="connsiteY65" fmla="*/ 276225 h 490538"/>
                <a:gd name="connsiteX66" fmla="*/ 1026318 w 2836068"/>
                <a:gd name="connsiteY66" fmla="*/ 271463 h 490538"/>
                <a:gd name="connsiteX67" fmla="*/ 1035843 w 2836068"/>
                <a:gd name="connsiteY67" fmla="*/ 271463 h 490538"/>
                <a:gd name="connsiteX68" fmla="*/ 1040606 w 2836068"/>
                <a:gd name="connsiteY68" fmla="*/ 266700 h 490538"/>
                <a:gd name="connsiteX69" fmla="*/ 1054893 w 2836068"/>
                <a:gd name="connsiteY69" fmla="*/ 266700 h 490538"/>
                <a:gd name="connsiteX70" fmla="*/ 1059656 w 2836068"/>
                <a:gd name="connsiteY70" fmla="*/ 261937 h 490538"/>
                <a:gd name="connsiteX71" fmla="*/ 1154906 w 2836068"/>
                <a:gd name="connsiteY71" fmla="*/ 261937 h 490538"/>
                <a:gd name="connsiteX72" fmla="*/ 1154906 w 2836068"/>
                <a:gd name="connsiteY72" fmla="*/ 254794 h 490538"/>
                <a:gd name="connsiteX73" fmla="*/ 1166812 w 2836068"/>
                <a:gd name="connsiteY73" fmla="*/ 254794 h 490538"/>
                <a:gd name="connsiteX74" fmla="*/ 1166812 w 2836068"/>
                <a:gd name="connsiteY74" fmla="*/ 247650 h 490538"/>
                <a:gd name="connsiteX75" fmla="*/ 1181100 w 2836068"/>
                <a:gd name="connsiteY75" fmla="*/ 247650 h 490538"/>
                <a:gd name="connsiteX76" fmla="*/ 1181100 w 2836068"/>
                <a:gd name="connsiteY76" fmla="*/ 240507 h 490538"/>
                <a:gd name="connsiteX77" fmla="*/ 1269206 w 2836068"/>
                <a:gd name="connsiteY77" fmla="*/ 240507 h 490538"/>
                <a:gd name="connsiteX78" fmla="*/ 1269206 w 2836068"/>
                <a:gd name="connsiteY78" fmla="*/ 235744 h 490538"/>
                <a:gd name="connsiteX79" fmla="*/ 1276350 w 2836068"/>
                <a:gd name="connsiteY79" fmla="*/ 233363 h 490538"/>
                <a:gd name="connsiteX80" fmla="*/ 1276350 w 2836068"/>
                <a:gd name="connsiteY80" fmla="*/ 233363 h 490538"/>
                <a:gd name="connsiteX81" fmla="*/ 1319212 w 2836068"/>
                <a:gd name="connsiteY81" fmla="*/ 233363 h 490538"/>
                <a:gd name="connsiteX82" fmla="*/ 1319212 w 2836068"/>
                <a:gd name="connsiteY82" fmla="*/ 223838 h 490538"/>
                <a:gd name="connsiteX83" fmla="*/ 1452562 w 2836068"/>
                <a:gd name="connsiteY83" fmla="*/ 223838 h 490538"/>
                <a:gd name="connsiteX84" fmla="*/ 1452562 w 2836068"/>
                <a:gd name="connsiteY84" fmla="*/ 214313 h 490538"/>
                <a:gd name="connsiteX85" fmla="*/ 1464468 w 2836068"/>
                <a:gd name="connsiteY85" fmla="*/ 214313 h 490538"/>
                <a:gd name="connsiteX86" fmla="*/ 1464468 w 2836068"/>
                <a:gd name="connsiteY86" fmla="*/ 207169 h 490538"/>
                <a:gd name="connsiteX87" fmla="*/ 1490662 w 2836068"/>
                <a:gd name="connsiteY87" fmla="*/ 207169 h 490538"/>
                <a:gd name="connsiteX88" fmla="*/ 1490662 w 2836068"/>
                <a:gd name="connsiteY88" fmla="*/ 195263 h 490538"/>
                <a:gd name="connsiteX89" fmla="*/ 1502568 w 2836068"/>
                <a:gd name="connsiteY89" fmla="*/ 195263 h 490538"/>
                <a:gd name="connsiteX90" fmla="*/ 1502568 w 2836068"/>
                <a:gd name="connsiteY90" fmla="*/ 188119 h 490538"/>
                <a:gd name="connsiteX91" fmla="*/ 1519237 w 2836068"/>
                <a:gd name="connsiteY91" fmla="*/ 188119 h 490538"/>
                <a:gd name="connsiteX92" fmla="*/ 1519237 w 2836068"/>
                <a:gd name="connsiteY92" fmla="*/ 178594 h 490538"/>
                <a:gd name="connsiteX93" fmla="*/ 1538287 w 2836068"/>
                <a:gd name="connsiteY93" fmla="*/ 178594 h 490538"/>
                <a:gd name="connsiteX94" fmla="*/ 1538287 w 2836068"/>
                <a:gd name="connsiteY94" fmla="*/ 173832 h 490538"/>
                <a:gd name="connsiteX95" fmla="*/ 1547812 w 2836068"/>
                <a:gd name="connsiteY95" fmla="*/ 173832 h 490538"/>
                <a:gd name="connsiteX96" fmla="*/ 1547812 w 2836068"/>
                <a:gd name="connsiteY96" fmla="*/ 161925 h 490538"/>
                <a:gd name="connsiteX97" fmla="*/ 1583531 w 2836068"/>
                <a:gd name="connsiteY97" fmla="*/ 161925 h 490538"/>
                <a:gd name="connsiteX98" fmla="*/ 1583531 w 2836068"/>
                <a:gd name="connsiteY98" fmla="*/ 150019 h 490538"/>
                <a:gd name="connsiteX99" fmla="*/ 1609725 w 2836068"/>
                <a:gd name="connsiteY99" fmla="*/ 150019 h 490538"/>
                <a:gd name="connsiteX100" fmla="*/ 1609725 w 2836068"/>
                <a:gd name="connsiteY100" fmla="*/ 140494 h 490538"/>
                <a:gd name="connsiteX101" fmla="*/ 1693068 w 2836068"/>
                <a:gd name="connsiteY101" fmla="*/ 140494 h 490538"/>
                <a:gd name="connsiteX102" fmla="*/ 1693068 w 2836068"/>
                <a:gd name="connsiteY102" fmla="*/ 130969 h 490538"/>
                <a:gd name="connsiteX103" fmla="*/ 1788318 w 2836068"/>
                <a:gd name="connsiteY103" fmla="*/ 130969 h 490538"/>
                <a:gd name="connsiteX104" fmla="*/ 1793081 w 2836068"/>
                <a:gd name="connsiteY104" fmla="*/ 126206 h 490538"/>
                <a:gd name="connsiteX105" fmla="*/ 1797843 w 2836068"/>
                <a:gd name="connsiteY105" fmla="*/ 121444 h 490538"/>
                <a:gd name="connsiteX106" fmla="*/ 1797843 w 2836068"/>
                <a:gd name="connsiteY106" fmla="*/ 114300 h 490538"/>
                <a:gd name="connsiteX107" fmla="*/ 1809750 w 2836068"/>
                <a:gd name="connsiteY107" fmla="*/ 114300 h 490538"/>
                <a:gd name="connsiteX108" fmla="*/ 1809750 w 2836068"/>
                <a:gd name="connsiteY108" fmla="*/ 104775 h 490538"/>
                <a:gd name="connsiteX109" fmla="*/ 1881187 w 2836068"/>
                <a:gd name="connsiteY109" fmla="*/ 104775 h 490538"/>
                <a:gd name="connsiteX110" fmla="*/ 1881187 w 2836068"/>
                <a:gd name="connsiteY110" fmla="*/ 92869 h 490538"/>
                <a:gd name="connsiteX111" fmla="*/ 1955006 w 2836068"/>
                <a:gd name="connsiteY111" fmla="*/ 92869 h 490538"/>
                <a:gd name="connsiteX112" fmla="*/ 1955006 w 2836068"/>
                <a:gd name="connsiteY112" fmla="*/ 80963 h 490538"/>
                <a:gd name="connsiteX113" fmla="*/ 1985962 w 2836068"/>
                <a:gd name="connsiteY113" fmla="*/ 80963 h 490538"/>
                <a:gd name="connsiteX114" fmla="*/ 1985962 w 2836068"/>
                <a:gd name="connsiteY114" fmla="*/ 71438 h 490538"/>
                <a:gd name="connsiteX115" fmla="*/ 1997868 w 2836068"/>
                <a:gd name="connsiteY115" fmla="*/ 71438 h 490538"/>
                <a:gd name="connsiteX116" fmla="*/ 1997868 w 2836068"/>
                <a:gd name="connsiteY116" fmla="*/ 64294 h 490538"/>
                <a:gd name="connsiteX117" fmla="*/ 2559843 w 2836068"/>
                <a:gd name="connsiteY117" fmla="*/ 64294 h 490538"/>
                <a:gd name="connsiteX118" fmla="*/ 2559843 w 2836068"/>
                <a:gd name="connsiteY118" fmla="*/ 45244 h 490538"/>
                <a:gd name="connsiteX119" fmla="*/ 2674143 w 2836068"/>
                <a:gd name="connsiteY119" fmla="*/ 45244 h 490538"/>
                <a:gd name="connsiteX120" fmla="*/ 2674143 w 2836068"/>
                <a:gd name="connsiteY120" fmla="*/ 35719 h 490538"/>
                <a:gd name="connsiteX121" fmla="*/ 2681287 w 2836068"/>
                <a:gd name="connsiteY121" fmla="*/ 35719 h 490538"/>
                <a:gd name="connsiteX122" fmla="*/ 2681287 w 2836068"/>
                <a:gd name="connsiteY122" fmla="*/ 26194 h 490538"/>
                <a:gd name="connsiteX123" fmla="*/ 2781300 w 2836068"/>
                <a:gd name="connsiteY123" fmla="*/ 26194 h 490538"/>
                <a:gd name="connsiteX124" fmla="*/ 2781300 w 2836068"/>
                <a:gd name="connsiteY124" fmla="*/ 14288 h 490538"/>
                <a:gd name="connsiteX125" fmla="*/ 2790825 w 2836068"/>
                <a:gd name="connsiteY125" fmla="*/ 14288 h 490538"/>
                <a:gd name="connsiteX126" fmla="*/ 2790825 w 2836068"/>
                <a:gd name="connsiteY126" fmla="*/ 0 h 490538"/>
                <a:gd name="connsiteX127" fmla="*/ 2836068 w 2836068"/>
                <a:gd name="connsiteY127" fmla="*/ 0 h 4905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</a:cxnLst>
              <a:rect l="l" t="t" r="r" b="b"/>
              <a:pathLst>
                <a:path w="2836068" h="490538">
                  <a:moveTo>
                    <a:pt x="0" y="490538"/>
                  </a:moveTo>
                  <a:lnTo>
                    <a:pt x="50006" y="490538"/>
                  </a:lnTo>
                  <a:lnTo>
                    <a:pt x="50006" y="490538"/>
                  </a:lnTo>
                  <a:lnTo>
                    <a:pt x="107156" y="490538"/>
                  </a:lnTo>
                  <a:lnTo>
                    <a:pt x="107156" y="481013"/>
                  </a:lnTo>
                  <a:lnTo>
                    <a:pt x="142875" y="481013"/>
                  </a:lnTo>
                  <a:lnTo>
                    <a:pt x="142875" y="478632"/>
                  </a:lnTo>
                  <a:lnTo>
                    <a:pt x="154781" y="478632"/>
                  </a:lnTo>
                  <a:lnTo>
                    <a:pt x="154781" y="471488"/>
                  </a:lnTo>
                  <a:lnTo>
                    <a:pt x="166687" y="471488"/>
                  </a:lnTo>
                  <a:lnTo>
                    <a:pt x="166687" y="461963"/>
                  </a:lnTo>
                  <a:lnTo>
                    <a:pt x="211931" y="461963"/>
                  </a:lnTo>
                  <a:lnTo>
                    <a:pt x="211931" y="457200"/>
                  </a:lnTo>
                  <a:lnTo>
                    <a:pt x="235743" y="457200"/>
                  </a:lnTo>
                  <a:lnTo>
                    <a:pt x="235743" y="450057"/>
                  </a:lnTo>
                  <a:lnTo>
                    <a:pt x="250031" y="450057"/>
                  </a:lnTo>
                  <a:lnTo>
                    <a:pt x="250031" y="440532"/>
                  </a:lnTo>
                  <a:lnTo>
                    <a:pt x="271462" y="440532"/>
                  </a:lnTo>
                  <a:lnTo>
                    <a:pt x="276225" y="435769"/>
                  </a:lnTo>
                  <a:lnTo>
                    <a:pt x="311943" y="435769"/>
                  </a:lnTo>
                  <a:lnTo>
                    <a:pt x="311943" y="431007"/>
                  </a:lnTo>
                  <a:lnTo>
                    <a:pt x="323850" y="431007"/>
                  </a:lnTo>
                  <a:lnTo>
                    <a:pt x="323850" y="423863"/>
                  </a:lnTo>
                  <a:lnTo>
                    <a:pt x="338137" y="423863"/>
                  </a:lnTo>
                  <a:lnTo>
                    <a:pt x="338137" y="421482"/>
                  </a:lnTo>
                  <a:lnTo>
                    <a:pt x="354806" y="421482"/>
                  </a:lnTo>
                  <a:lnTo>
                    <a:pt x="354806" y="416719"/>
                  </a:lnTo>
                  <a:lnTo>
                    <a:pt x="411956" y="416719"/>
                  </a:lnTo>
                  <a:lnTo>
                    <a:pt x="411956" y="409575"/>
                  </a:lnTo>
                  <a:lnTo>
                    <a:pt x="435768" y="409575"/>
                  </a:lnTo>
                  <a:lnTo>
                    <a:pt x="435768" y="404813"/>
                  </a:lnTo>
                  <a:lnTo>
                    <a:pt x="478631" y="404813"/>
                  </a:lnTo>
                  <a:lnTo>
                    <a:pt x="478631" y="392907"/>
                  </a:lnTo>
                  <a:lnTo>
                    <a:pt x="490537" y="392907"/>
                  </a:lnTo>
                  <a:lnTo>
                    <a:pt x="490537" y="385763"/>
                  </a:lnTo>
                  <a:lnTo>
                    <a:pt x="533400" y="385763"/>
                  </a:lnTo>
                  <a:lnTo>
                    <a:pt x="533400" y="378619"/>
                  </a:lnTo>
                  <a:lnTo>
                    <a:pt x="592931" y="378619"/>
                  </a:lnTo>
                  <a:lnTo>
                    <a:pt x="592931" y="373857"/>
                  </a:lnTo>
                  <a:lnTo>
                    <a:pt x="614362" y="373857"/>
                  </a:lnTo>
                  <a:lnTo>
                    <a:pt x="614362" y="369094"/>
                  </a:lnTo>
                  <a:lnTo>
                    <a:pt x="626268" y="369094"/>
                  </a:lnTo>
                  <a:lnTo>
                    <a:pt x="626268" y="364332"/>
                  </a:lnTo>
                  <a:lnTo>
                    <a:pt x="659606" y="364332"/>
                  </a:lnTo>
                  <a:lnTo>
                    <a:pt x="659606" y="359569"/>
                  </a:lnTo>
                  <a:lnTo>
                    <a:pt x="678656" y="359569"/>
                  </a:lnTo>
                  <a:lnTo>
                    <a:pt x="678656" y="350044"/>
                  </a:lnTo>
                  <a:lnTo>
                    <a:pt x="690562" y="350044"/>
                  </a:lnTo>
                  <a:lnTo>
                    <a:pt x="690562" y="345282"/>
                  </a:lnTo>
                  <a:lnTo>
                    <a:pt x="707231" y="345282"/>
                  </a:lnTo>
                  <a:lnTo>
                    <a:pt x="707231" y="338138"/>
                  </a:lnTo>
                  <a:lnTo>
                    <a:pt x="719137" y="338138"/>
                  </a:lnTo>
                  <a:lnTo>
                    <a:pt x="721518" y="335757"/>
                  </a:lnTo>
                  <a:lnTo>
                    <a:pt x="835818" y="335757"/>
                  </a:lnTo>
                  <a:lnTo>
                    <a:pt x="835818" y="316707"/>
                  </a:lnTo>
                  <a:lnTo>
                    <a:pt x="847725" y="316707"/>
                  </a:lnTo>
                  <a:lnTo>
                    <a:pt x="847725" y="304800"/>
                  </a:lnTo>
                  <a:lnTo>
                    <a:pt x="871537" y="304800"/>
                  </a:lnTo>
                  <a:lnTo>
                    <a:pt x="871537" y="297657"/>
                  </a:lnTo>
                  <a:lnTo>
                    <a:pt x="904875" y="297657"/>
                  </a:lnTo>
                  <a:lnTo>
                    <a:pt x="904875" y="292894"/>
                  </a:lnTo>
                  <a:lnTo>
                    <a:pt x="923925" y="292894"/>
                  </a:lnTo>
                  <a:lnTo>
                    <a:pt x="923925" y="283369"/>
                  </a:lnTo>
                  <a:lnTo>
                    <a:pt x="985837" y="283369"/>
                  </a:lnTo>
                  <a:lnTo>
                    <a:pt x="985837" y="276225"/>
                  </a:lnTo>
                  <a:lnTo>
                    <a:pt x="1026318" y="276225"/>
                  </a:lnTo>
                  <a:lnTo>
                    <a:pt x="1026318" y="271463"/>
                  </a:lnTo>
                  <a:lnTo>
                    <a:pt x="1035843" y="271463"/>
                  </a:lnTo>
                  <a:lnTo>
                    <a:pt x="1040606" y="266700"/>
                  </a:lnTo>
                  <a:lnTo>
                    <a:pt x="1054893" y="266700"/>
                  </a:lnTo>
                  <a:lnTo>
                    <a:pt x="1059656" y="261937"/>
                  </a:lnTo>
                  <a:lnTo>
                    <a:pt x="1154906" y="261937"/>
                  </a:lnTo>
                  <a:lnTo>
                    <a:pt x="1154906" y="254794"/>
                  </a:lnTo>
                  <a:lnTo>
                    <a:pt x="1166812" y="254794"/>
                  </a:lnTo>
                  <a:lnTo>
                    <a:pt x="1166812" y="247650"/>
                  </a:lnTo>
                  <a:lnTo>
                    <a:pt x="1181100" y="247650"/>
                  </a:lnTo>
                  <a:lnTo>
                    <a:pt x="1181100" y="240507"/>
                  </a:lnTo>
                  <a:lnTo>
                    <a:pt x="1269206" y="240507"/>
                  </a:lnTo>
                  <a:lnTo>
                    <a:pt x="1269206" y="235744"/>
                  </a:lnTo>
                  <a:lnTo>
                    <a:pt x="1276350" y="233363"/>
                  </a:lnTo>
                  <a:lnTo>
                    <a:pt x="1276350" y="233363"/>
                  </a:lnTo>
                  <a:lnTo>
                    <a:pt x="1319212" y="233363"/>
                  </a:lnTo>
                  <a:lnTo>
                    <a:pt x="1319212" y="223838"/>
                  </a:lnTo>
                  <a:lnTo>
                    <a:pt x="1452562" y="223838"/>
                  </a:lnTo>
                  <a:lnTo>
                    <a:pt x="1452562" y="214313"/>
                  </a:lnTo>
                  <a:lnTo>
                    <a:pt x="1464468" y="214313"/>
                  </a:lnTo>
                  <a:lnTo>
                    <a:pt x="1464468" y="207169"/>
                  </a:lnTo>
                  <a:lnTo>
                    <a:pt x="1490662" y="207169"/>
                  </a:lnTo>
                  <a:lnTo>
                    <a:pt x="1490662" y="195263"/>
                  </a:lnTo>
                  <a:lnTo>
                    <a:pt x="1502568" y="195263"/>
                  </a:lnTo>
                  <a:lnTo>
                    <a:pt x="1502568" y="188119"/>
                  </a:lnTo>
                  <a:lnTo>
                    <a:pt x="1519237" y="188119"/>
                  </a:lnTo>
                  <a:lnTo>
                    <a:pt x="1519237" y="178594"/>
                  </a:lnTo>
                  <a:lnTo>
                    <a:pt x="1538287" y="178594"/>
                  </a:lnTo>
                  <a:lnTo>
                    <a:pt x="1538287" y="173832"/>
                  </a:lnTo>
                  <a:lnTo>
                    <a:pt x="1547812" y="173832"/>
                  </a:lnTo>
                  <a:lnTo>
                    <a:pt x="1547812" y="161925"/>
                  </a:lnTo>
                  <a:lnTo>
                    <a:pt x="1583531" y="161925"/>
                  </a:lnTo>
                  <a:lnTo>
                    <a:pt x="1583531" y="150019"/>
                  </a:lnTo>
                  <a:lnTo>
                    <a:pt x="1609725" y="150019"/>
                  </a:lnTo>
                  <a:lnTo>
                    <a:pt x="1609725" y="140494"/>
                  </a:lnTo>
                  <a:lnTo>
                    <a:pt x="1693068" y="140494"/>
                  </a:lnTo>
                  <a:lnTo>
                    <a:pt x="1693068" y="130969"/>
                  </a:lnTo>
                  <a:lnTo>
                    <a:pt x="1788318" y="130969"/>
                  </a:lnTo>
                  <a:lnTo>
                    <a:pt x="1793081" y="126206"/>
                  </a:lnTo>
                  <a:lnTo>
                    <a:pt x="1797843" y="121444"/>
                  </a:lnTo>
                  <a:lnTo>
                    <a:pt x="1797843" y="114300"/>
                  </a:lnTo>
                  <a:lnTo>
                    <a:pt x="1809750" y="114300"/>
                  </a:lnTo>
                  <a:lnTo>
                    <a:pt x="1809750" y="104775"/>
                  </a:lnTo>
                  <a:lnTo>
                    <a:pt x="1881187" y="104775"/>
                  </a:lnTo>
                  <a:lnTo>
                    <a:pt x="1881187" y="92869"/>
                  </a:lnTo>
                  <a:lnTo>
                    <a:pt x="1955006" y="92869"/>
                  </a:lnTo>
                  <a:lnTo>
                    <a:pt x="1955006" y="80963"/>
                  </a:lnTo>
                  <a:lnTo>
                    <a:pt x="1985962" y="80963"/>
                  </a:lnTo>
                  <a:lnTo>
                    <a:pt x="1985962" y="71438"/>
                  </a:lnTo>
                  <a:lnTo>
                    <a:pt x="1997868" y="71438"/>
                  </a:lnTo>
                  <a:lnTo>
                    <a:pt x="1997868" y="64294"/>
                  </a:lnTo>
                  <a:lnTo>
                    <a:pt x="2559843" y="64294"/>
                  </a:lnTo>
                  <a:lnTo>
                    <a:pt x="2559843" y="45244"/>
                  </a:lnTo>
                  <a:lnTo>
                    <a:pt x="2674143" y="45244"/>
                  </a:lnTo>
                  <a:lnTo>
                    <a:pt x="2674143" y="35719"/>
                  </a:lnTo>
                  <a:lnTo>
                    <a:pt x="2681287" y="35719"/>
                  </a:lnTo>
                  <a:lnTo>
                    <a:pt x="2681287" y="26194"/>
                  </a:lnTo>
                  <a:lnTo>
                    <a:pt x="2781300" y="26194"/>
                  </a:lnTo>
                  <a:lnTo>
                    <a:pt x="2781300" y="14288"/>
                  </a:lnTo>
                  <a:lnTo>
                    <a:pt x="2790825" y="14288"/>
                  </a:lnTo>
                  <a:lnTo>
                    <a:pt x="2790825" y="0"/>
                  </a:lnTo>
                  <a:lnTo>
                    <a:pt x="2836068" y="0"/>
                  </a:lnTo>
                </a:path>
              </a:pathLst>
            </a:custGeom>
            <a:noFill/>
            <a:ln w="28575" algn="ctr">
              <a:solidFill>
                <a:srgbClr val="EF820D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215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  <a:sym typeface="Helvetica Light"/>
              </a:endParaRPr>
            </a:p>
          </p:txBody>
        </p:sp>
        <p:sp>
          <p:nvSpPr>
            <p:cNvPr id="7" name="Freeform: Shape 60">
              <a:extLst>
                <a:ext uri="{FF2B5EF4-FFF2-40B4-BE49-F238E27FC236}">
                  <a16:creationId xmlns="" xmlns:a16="http://schemas.microsoft.com/office/drawing/2014/main" id="{563408A7-18F5-4D7D-AE4D-8E008BAFED9A}"/>
                </a:ext>
              </a:extLst>
            </p:cNvPr>
            <p:cNvSpPr/>
            <p:nvPr/>
          </p:nvSpPr>
          <p:spPr bwMode="auto">
            <a:xfrm>
              <a:off x="4633913" y="3202781"/>
              <a:ext cx="3238500" cy="228600"/>
            </a:xfrm>
            <a:custGeom>
              <a:avLst/>
              <a:gdLst>
                <a:gd name="connsiteX0" fmla="*/ 0 w 3238500"/>
                <a:gd name="connsiteY0" fmla="*/ 228600 h 228600"/>
                <a:gd name="connsiteX1" fmla="*/ 57150 w 3238500"/>
                <a:gd name="connsiteY1" fmla="*/ 228600 h 228600"/>
                <a:gd name="connsiteX2" fmla="*/ 57150 w 3238500"/>
                <a:gd name="connsiteY2" fmla="*/ 211932 h 228600"/>
                <a:gd name="connsiteX3" fmla="*/ 64293 w 3238500"/>
                <a:gd name="connsiteY3" fmla="*/ 211932 h 228600"/>
                <a:gd name="connsiteX4" fmla="*/ 69056 w 3238500"/>
                <a:gd name="connsiteY4" fmla="*/ 207169 h 228600"/>
                <a:gd name="connsiteX5" fmla="*/ 269081 w 3238500"/>
                <a:gd name="connsiteY5" fmla="*/ 207169 h 228600"/>
                <a:gd name="connsiteX6" fmla="*/ 269081 w 3238500"/>
                <a:gd name="connsiteY6" fmla="*/ 176213 h 228600"/>
                <a:gd name="connsiteX7" fmla="*/ 314325 w 3238500"/>
                <a:gd name="connsiteY7" fmla="*/ 176213 h 228600"/>
                <a:gd name="connsiteX8" fmla="*/ 314325 w 3238500"/>
                <a:gd name="connsiteY8" fmla="*/ 159544 h 228600"/>
                <a:gd name="connsiteX9" fmla="*/ 321468 w 3238500"/>
                <a:gd name="connsiteY9" fmla="*/ 159544 h 228600"/>
                <a:gd name="connsiteX10" fmla="*/ 321468 w 3238500"/>
                <a:gd name="connsiteY10" fmla="*/ 145257 h 228600"/>
                <a:gd name="connsiteX11" fmla="*/ 509587 w 3238500"/>
                <a:gd name="connsiteY11" fmla="*/ 145257 h 228600"/>
                <a:gd name="connsiteX12" fmla="*/ 509587 w 3238500"/>
                <a:gd name="connsiteY12" fmla="*/ 128588 h 228600"/>
                <a:gd name="connsiteX13" fmla="*/ 516731 w 3238500"/>
                <a:gd name="connsiteY13" fmla="*/ 128588 h 228600"/>
                <a:gd name="connsiteX14" fmla="*/ 516731 w 3238500"/>
                <a:gd name="connsiteY14" fmla="*/ 111919 h 228600"/>
                <a:gd name="connsiteX15" fmla="*/ 892968 w 3238500"/>
                <a:gd name="connsiteY15" fmla="*/ 111919 h 228600"/>
                <a:gd name="connsiteX16" fmla="*/ 892968 w 3238500"/>
                <a:gd name="connsiteY16" fmla="*/ 64294 h 228600"/>
                <a:gd name="connsiteX17" fmla="*/ 1362075 w 3238500"/>
                <a:gd name="connsiteY17" fmla="*/ 64294 h 228600"/>
                <a:gd name="connsiteX18" fmla="*/ 1362075 w 3238500"/>
                <a:gd name="connsiteY18" fmla="*/ 0 h 228600"/>
                <a:gd name="connsiteX19" fmla="*/ 3238500 w 3238500"/>
                <a:gd name="connsiteY19" fmla="*/ 0 h 2286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3238500" h="228600">
                  <a:moveTo>
                    <a:pt x="0" y="228600"/>
                  </a:moveTo>
                  <a:lnTo>
                    <a:pt x="57150" y="228600"/>
                  </a:lnTo>
                  <a:lnTo>
                    <a:pt x="57150" y="211932"/>
                  </a:lnTo>
                  <a:lnTo>
                    <a:pt x="64293" y="211932"/>
                  </a:lnTo>
                  <a:lnTo>
                    <a:pt x="69056" y="207169"/>
                  </a:lnTo>
                  <a:lnTo>
                    <a:pt x="269081" y="207169"/>
                  </a:lnTo>
                  <a:lnTo>
                    <a:pt x="269081" y="176213"/>
                  </a:lnTo>
                  <a:lnTo>
                    <a:pt x="314325" y="176213"/>
                  </a:lnTo>
                  <a:lnTo>
                    <a:pt x="314325" y="159544"/>
                  </a:lnTo>
                  <a:lnTo>
                    <a:pt x="321468" y="159544"/>
                  </a:lnTo>
                  <a:lnTo>
                    <a:pt x="321468" y="145257"/>
                  </a:lnTo>
                  <a:lnTo>
                    <a:pt x="509587" y="145257"/>
                  </a:lnTo>
                  <a:lnTo>
                    <a:pt x="509587" y="128588"/>
                  </a:lnTo>
                  <a:lnTo>
                    <a:pt x="516731" y="128588"/>
                  </a:lnTo>
                  <a:lnTo>
                    <a:pt x="516731" y="111919"/>
                  </a:lnTo>
                  <a:lnTo>
                    <a:pt x="892968" y="111919"/>
                  </a:lnTo>
                  <a:lnTo>
                    <a:pt x="892968" y="64294"/>
                  </a:lnTo>
                  <a:lnTo>
                    <a:pt x="1362075" y="64294"/>
                  </a:lnTo>
                  <a:lnTo>
                    <a:pt x="1362075" y="0"/>
                  </a:lnTo>
                  <a:lnTo>
                    <a:pt x="3238500" y="0"/>
                  </a:lnTo>
                </a:path>
              </a:pathLst>
            </a:custGeom>
            <a:noFill/>
            <a:ln w="28575" algn="ctr">
              <a:solidFill>
                <a:srgbClr val="EF820D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215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  <a:sym typeface="Helvetica Light"/>
              </a:endParaRP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="" xmlns:a16="http://schemas.microsoft.com/office/drawing/2014/main" id="{940BF95E-E4CB-48EC-B8F6-4BF95236ABD7}"/>
              </a:ext>
            </a:extLst>
          </p:cNvPr>
          <p:cNvGrpSpPr/>
          <p:nvPr/>
        </p:nvGrpSpPr>
        <p:grpSpPr>
          <a:xfrm>
            <a:off x="2519680" y="2854960"/>
            <a:ext cx="7960361" cy="2530475"/>
            <a:chOff x="1816894" y="2019300"/>
            <a:chExt cx="6050756" cy="1897856"/>
          </a:xfrm>
        </p:grpSpPr>
        <p:sp>
          <p:nvSpPr>
            <p:cNvPr id="9" name="Freeform: Shape 64">
              <a:extLst>
                <a:ext uri="{FF2B5EF4-FFF2-40B4-BE49-F238E27FC236}">
                  <a16:creationId xmlns="" xmlns:a16="http://schemas.microsoft.com/office/drawing/2014/main" id="{0A5D0FD6-D10C-47DD-A47D-DBF1D22F0E1A}"/>
                </a:ext>
              </a:extLst>
            </p:cNvPr>
            <p:cNvSpPr/>
            <p:nvPr/>
          </p:nvSpPr>
          <p:spPr bwMode="auto">
            <a:xfrm>
              <a:off x="1816894" y="2890838"/>
              <a:ext cx="3055144" cy="1026318"/>
            </a:xfrm>
            <a:custGeom>
              <a:avLst/>
              <a:gdLst>
                <a:gd name="connsiteX0" fmla="*/ 0 w 3055144"/>
                <a:gd name="connsiteY0" fmla="*/ 1026318 h 1026318"/>
                <a:gd name="connsiteX1" fmla="*/ 16669 w 3055144"/>
                <a:gd name="connsiteY1" fmla="*/ 1026318 h 1026318"/>
                <a:gd name="connsiteX2" fmla="*/ 16669 w 3055144"/>
                <a:gd name="connsiteY2" fmla="*/ 1014412 h 1026318"/>
                <a:gd name="connsiteX3" fmla="*/ 33337 w 3055144"/>
                <a:gd name="connsiteY3" fmla="*/ 1014412 h 1026318"/>
                <a:gd name="connsiteX4" fmla="*/ 35719 w 3055144"/>
                <a:gd name="connsiteY4" fmla="*/ 1012030 h 1026318"/>
                <a:gd name="connsiteX5" fmla="*/ 50006 w 3055144"/>
                <a:gd name="connsiteY5" fmla="*/ 1012030 h 1026318"/>
                <a:gd name="connsiteX6" fmla="*/ 50006 w 3055144"/>
                <a:gd name="connsiteY6" fmla="*/ 1007268 h 1026318"/>
                <a:gd name="connsiteX7" fmla="*/ 54769 w 3055144"/>
                <a:gd name="connsiteY7" fmla="*/ 1007268 h 1026318"/>
                <a:gd name="connsiteX8" fmla="*/ 61912 w 3055144"/>
                <a:gd name="connsiteY8" fmla="*/ 1007268 h 1026318"/>
                <a:gd name="connsiteX9" fmla="*/ 61912 w 3055144"/>
                <a:gd name="connsiteY9" fmla="*/ 1000125 h 1026318"/>
                <a:gd name="connsiteX10" fmla="*/ 73819 w 3055144"/>
                <a:gd name="connsiteY10" fmla="*/ 1000125 h 1026318"/>
                <a:gd name="connsiteX11" fmla="*/ 73819 w 3055144"/>
                <a:gd name="connsiteY11" fmla="*/ 995362 h 1026318"/>
                <a:gd name="connsiteX12" fmla="*/ 80962 w 3055144"/>
                <a:gd name="connsiteY12" fmla="*/ 995362 h 1026318"/>
                <a:gd name="connsiteX13" fmla="*/ 80962 w 3055144"/>
                <a:gd name="connsiteY13" fmla="*/ 992981 h 1026318"/>
                <a:gd name="connsiteX14" fmla="*/ 88106 w 3055144"/>
                <a:gd name="connsiteY14" fmla="*/ 992981 h 1026318"/>
                <a:gd name="connsiteX15" fmla="*/ 88106 w 3055144"/>
                <a:gd name="connsiteY15" fmla="*/ 985837 h 1026318"/>
                <a:gd name="connsiteX16" fmla="*/ 100012 w 3055144"/>
                <a:gd name="connsiteY16" fmla="*/ 985837 h 1026318"/>
                <a:gd name="connsiteX17" fmla="*/ 100012 w 3055144"/>
                <a:gd name="connsiteY17" fmla="*/ 978693 h 1026318"/>
                <a:gd name="connsiteX18" fmla="*/ 116681 w 3055144"/>
                <a:gd name="connsiteY18" fmla="*/ 978693 h 1026318"/>
                <a:gd name="connsiteX19" fmla="*/ 116681 w 3055144"/>
                <a:gd name="connsiteY19" fmla="*/ 973931 h 1026318"/>
                <a:gd name="connsiteX20" fmla="*/ 133350 w 3055144"/>
                <a:gd name="connsiteY20" fmla="*/ 973931 h 1026318"/>
                <a:gd name="connsiteX21" fmla="*/ 133350 w 3055144"/>
                <a:gd name="connsiteY21" fmla="*/ 966787 h 1026318"/>
                <a:gd name="connsiteX22" fmla="*/ 142875 w 3055144"/>
                <a:gd name="connsiteY22" fmla="*/ 966787 h 1026318"/>
                <a:gd name="connsiteX23" fmla="*/ 142875 w 3055144"/>
                <a:gd name="connsiteY23" fmla="*/ 959643 h 1026318"/>
                <a:gd name="connsiteX24" fmla="*/ 152400 w 3055144"/>
                <a:gd name="connsiteY24" fmla="*/ 959643 h 1026318"/>
                <a:gd name="connsiteX25" fmla="*/ 152400 w 3055144"/>
                <a:gd name="connsiteY25" fmla="*/ 954881 h 1026318"/>
                <a:gd name="connsiteX26" fmla="*/ 166687 w 3055144"/>
                <a:gd name="connsiteY26" fmla="*/ 954881 h 1026318"/>
                <a:gd name="connsiteX27" fmla="*/ 166687 w 3055144"/>
                <a:gd name="connsiteY27" fmla="*/ 950118 h 1026318"/>
                <a:gd name="connsiteX28" fmla="*/ 195262 w 3055144"/>
                <a:gd name="connsiteY28" fmla="*/ 950118 h 1026318"/>
                <a:gd name="connsiteX29" fmla="*/ 195262 w 3055144"/>
                <a:gd name="connsiteY29" fmla="*/ 942975 h 1026318"/>
                <a:gd name="connsiteX30" fmla="*/ 204787 w 3055144"/>
                <a:gd name="connsiteY30" fmla="*/ 942975 h 1026318"/>
                <a:gd name="connsiteX31" fmla="*/ 204787 w 3055144"/>
                <a:gd name="connsiteY31" fmla="*/ 938212 h 1026318"/>
                <a:gd name="connsiteX32" fmla="*/ 216694 w 3055144"/>
                <a:gd name="connsiteY32" fmla="*/ 938212 h 1026318"/>
                <a:gd name="connsiteX33" fmla="*/ 216694 w 3055144"/>
                <a:gd name="connsiteY33" fmla="*/ 935831 h 1026318"/>
                <a:gd name="connsiteX34" fmla="*/ 233362 w 3055144"/>
                <a:gd name="connsiteY34" fmla="*/ 935831 h 1026318"/>
                <a:gd name="connsiteX35" fmla="*/ 238125 w 3055144"/>
                <a:gd name="connsiteY35" fmla="*/ 931068 h 1026318"/>
                <a:gd name="connsiteX36" fmla="*/ 250031 w 3055144"/>
                <a:gd name="connsiteY36" fmla="*/ 931068 h 1026318"/>
                <a:gd name="connsiteX37" fmla="*/ 250031 w 3055144"/>
                <a:gd name="connsiteY37" fmla="*/ 919162 h 1026318"/>
                <a:gd name="connsiteX38" fmla="*/ 264319 w 3055144"/>
                <a:gd name="connsiteY38" fmla="*/ 919162 h 1026318"/>
                <a:gd name="connsiteX39" fmla="*/ 264319 w 3055144"/>
                <a:gd name="connsiteY39" fmla="*/ 914400 h 1026318"/>
                <a:gd name="connsiteX40" fmla="*/ 273844 w 3055144"/>
                <a:gd name="connsiteY40" fmla="*/ 914400 h 1026318"/>
                <a:gd name="connsiteX41" fmla="*/ 273844 w 3055144"/>
                <a:gd name="connsiteY41" fmla="*/ 907256 h 1026318"/>
                <a:gd name="connsiteX42" fmla="*/ 297656 w 3055144"/>
                <a:gd name="connsiteY42" fmla="*/ 907256 h 1026318"/>
                <a:gd name="connsiteX43" fmla="*/ 297656 w 3055144"/>
                <a:gd name="connsiteY43" fmla="*/ 900112 h 1026318"/>
                <a:gd name="connsiteX44" fmla="*/ 323850 w 3055144"/>
                <a:gd name="connsiteY44" fmla="*/ 900112 h 1026318"/>
                <a:gd name="connsiteX45" fmla="*/ 323850 w 3055144"/>
                <a:gd name="connsiteY45" fmla="*/ 900112 h 1026318"/>
                <a:gd name="connsiteX46" fmla="*/ 333375 w 3055144"/>
                <a:gd name="connsiteY46" fmla="*/ 900112 h 1026318"/>
                <a:gd name="connsiteX47" fmla="*/ 333375 w 3055144"/>
                <a:gd name="connsiteY47" fmla="*/ 890587 h 1026318"/>
                <a:gd name="connsiteX48" fmla="*/ 340519 w 3055144"/>
                <a:gd name="connsiteY48" fmla="*/ 890587 h 1026318"/>
                <a:gd name="connsiteX49" fmla="*/ 340519 w 3055144"/>
                <a:gd name="connsiteY49" fmla="*/ 885825 h 1026318"/>
                <a:gd name="connsiteX50" fmla="*/ 352425 w 3055144"/>
                <a:gd name="connsiteY50" fmla="*/ 885825 h 1026318"/>
                <a:gd name="connsiteX51" fmla="*/ 352425 w 3055144"/>
                <a:gd name="connsiteY51" fmla="*/ 871537 h 1026318"/>
                <a:gd name="connsiteX52" fmla="*/ 361950 w 3055144"/>
                <a:gd name="connsiteY52" fmla="*/ 871537 h 1026318"/>
                <a:gd name="connsiteX53" fmla="*/ 361950 w 3055144"/>
                <a:gd name="connsiteY53" fmla="*/ 862012 h 1026318"/>
                <a:gd name="connsiteX54" fmla="*/ 378619 w 3055144"/>
                <a:gd name="connsiteY54" fmla="*/ 862012 h 1026318"/>
                <a:gd name="connsiteX55" fmla="*/ 378619 w 3055144"/>
                <a:gd name="connsiteY55" fmla="*/ 852487 h 1026318"/>
                <a:gd name="connsiteX56" fmla="*/ 390525 w 3055144"/>
                <a:gd name="connsiteY56" fmla="*/ 852487 h 1026318"/>
                <a:gd name="connsiteX57" fmla="*/ 390525 w 3055144"/>
                <a:gd name="connsiteY57" fmla="*/ 842962 h 1026318"/>
                <a:gd name="connsiteX58" fmla="*/ 404812 w 3055144"/>
                <a:gd name="connsiteY58" fmla="*/ 842962 h 1026318"/>
                <a:gd name="connsiteX59" fmla="*/ 404812 w 3055144"/>
                <a:gd name="connsiteY59" fmla="*/ 838200 h 1026318"/>
                <a:gd name="connsiteX60" fmla="*/ 411956 w 3055144"/>
                <a:gd name="connsiteY60" fmla="*/ 838200 h 1026318"/>
                <a:gd name="connsiteX61" fmla="*/ 411956 w 3055144"/>
                <a:gd name="connsiteY61" fmla="*/ 833437 h 1026318"/>
                <a:gd name="connsiteX62" fmla="*/ 433387 w 3055144"/>
                <a:gd name="connsiteY62" fmla="*/ 833437 h 1026318"/>
                <a:gd name="connsiteX63" fmla="*/ 433387 w 3055144"/>
                <a:gd name="connsiteY63" fmla="*/ 831056 h 1026318"/>
                <a:gd name="connsiteX64" fmla="*/ 447675 w 3055144"/>
                <a:gd name="connsiteY64" fmla="*/ 831056 h 1026318"/>
                <a:gd name="connsiteX65" fmla="*/ 447675 w 3055144"/>
                <a:gd name="connsiteY65" fmla="*/ 826293 h 1026318"/>
                <a:gd name="connsiteX66" fmla="*/ 461962 w 3055144"/>
                <a:gd name="connsiteY66" fmla="*/ 826293 h 1026318"/>
                <a:gd name="connsiteX67" fmla="*/ 464344 w 3055144"/>
                <a:gd name="connsiteY67" fmla="*/ 823911 h 1026318"/>
                <a:gd name="connsiteX68" fmla="*/ 488156 w 3055144"/>
                <a:gd name="connsiteY68" fmla="*/ 823911 h 1026318"/>
                <a:gd name="connsiteX69" fmla="*/ 488156 w 3055144"/>
                <a:gd name="connsiteY69" fmla="*/ 812006 h 1026318"/>
                <a:gd name="connsiteX70" fmla="*/ 504825 w 3055144"/>
                <a:gd name="connsiteY70" fmla="*/ 812006 h 1026318"/>
                <a:gd name="connsiteX71" fmla="*/ 507206 w 3055144"/>
                <a:gd name="connsiteY71" fmla="*/ 809625 h 1026318"/>
                <a:gd name="connsiteX72" fmla="*/ 523875 w 3055144"/>
                <a:gd name="connsiteY72" fmla="*/ 809625 h 1026318"/>
                <a:gd name="connsiteX73" fmla="*/ 523875 w 3055144"/>
                <a:gd name="connsiteY73" fmla="*/ 802481 h 1026318"/>
                <a:gd name="connsiteX74" fmla="*/ 547687 w 3055144"/>
                <a:gd name="connsiteY74" fmla="*/ 802481 h 1026318"/>
                <a:gd name="connsiteX75" fmla="*/ 550069 w 3055144"/>
                <a:gd name="connsiteY75" fmla="*/ 800099 h 1026318"/>
                <a:gd name="connsiteX76" fmla="*/ 554831 w 3055144"/>
                <a:gd name="connsiteY76" fmla="*/ 795337 h 1026318"/>
                <a:gd name="connsiteX77" fmla="*/ 559594 w 3055144"/>
                <a:gd name="connsiteY77" fmla="*/ 790574 h 1026318"/>
                <a:gd name="connsiteX78" fmla="*/ 616744 w 3055144"/>
                <a:gd name="connsiteY78" fmla="*/ 790574 h 1026318"/>
                <a:gd name="connsiteX79" fmla="*/ 616744 w 3055144"/>
                <a:gd name="connsiteY79" fmla="*/ 783431 h 1026318"/>
                <a:gd name="connsiteX80" fmla="*/ 647700 w 3055144"/>
                <a:gd name="connsiteY80" fmla="*/ 783431 h 1026318"/>
                <a:gd name="connsiteX81" fmla="*/ 647700 w 3055144"/>
                <a:gd name="connsiteY81" fmla="*/ 773906 h 1026318"/>
                <a:gd name="connsiteX82" fmla="*/ 676275 w 3055144"/>
                <a:gd name="connsiteY82" fmla="*/ 773906 h 1026318"/>
                <a:gd name="connsiteX83" fmla="*/ 676275 w 3055144"/>
                <a:gd name="connsiteY83" fmla="*/ 769143 h 1026318"/>
                <a:gd name="connsiteX84" fmla="*/ 690562 w 3055144"/>
                <a:gd name="connsiteY84" fmla="*/ 769143 h 1026318"/>
                <a:gd name="connsiteX85" fmla="*/ 690562 w 3055144"/>
                <a:gd name="connsiteY85" fmla="*/ 759618 h 1026318"/>
                <a:gd name="connsiteX86" fmla="*/ 702469 w 3055144"/>
                <a:gd name="connsiteY86" fmla="*/ 759618 h 1026318"/>
                <a:gd name="connsiteX87" fmla="*/ 702469 w 3055144"/>
                <a:gd name="connsiteY87" fmla="*/ 752475 h 1026318"/>
                <a:gd name="connsiteX88" fmla="*/ 716756 w 3055144"/>
                <a:gd name="connsiteY88" fmla="*/ 752475 h 1026318"/>
                <a:gd name="connsiteX89" fmla="*/ 716756 w 3055144"/>
                <a:gd name="connsiteY89" fmla="*/ 745331 h 1026318"/>
                <a:gd name="connsiteX90" fmla="*/ 728662 w 3055144"/>
                <a:gd name="connsiteY90" fmla="*/ 745331 h 1026318"/>
                <a:gd name="connsiteX91" fmla="*/ 728662 w 3055144"/>
                <a:gd name="connsiteY91" fmla="*/ 738187 h 1026318"/>
                <a:gd name="connsiteX92" fmla="*/ 769144 w 3055144"/>
                <a:gd name="connsiteY92" fmla="*/ 738187 h 1026318"/>
                <a:gd name="connsiteX93" fmla="*/ 771525 w 3055144"/>
                <a:gd name="connsiteY93" fmla="*/ 738187 h 1026318"/>
                <a:gd name="connsiteX94" fmla="*/ 809625 w 3055144"/>
                <a:gd name="connsiteY94" fmla="*/ 738187 h 1026318"/>
                <a:gd name="connsiteX95" fmla="*/ 809625 w 3055144"/>
                <a:gd name="connsiteY95" fmla="*/ 731043 h 1026318"/>
                <a:gd name="connsiteX96" fmla="*/ 852487 w 3055144"/>
                <a:gd name="connsiteY96" fmla="*/ 731043 h 1026318"/>
                <a:gd name="connsiteX97" fmla="*/ 852487 w 3055144"/>
                <a:gd name="connsiteY97" fmla="*/ 726281 h 1026318"/>
                <a:gd name="connsiteX98" fmla="*/ 871537 w 3055144"/>
                <a:gd name="connsiteY98" fmla="*/ 726281 h 1026318"/>
                <a:gd name="connsiteX99" fmla="*/ 873919 w 3055144"/>
                <a:gd name="connsiteY99" fmla="*/ 723899 h 1026318"/>
                <a:gd name="connsiteX100" fmla="*/ 888206 w 3055144"/>
                <a:gd name="connsiteY100" fmla="*/ 723899 h 1026318"/>
                <a:gd name="connsiteX101" fmla="*/ 888206 w 3055144"/>
                <a:gd name="connsiteY101" fmla="*/ 711993 h 1026318"/>
                <a:gd name="connsiteX102" fmla="*/ 931069 w 3055144"/>
                <a:gd name="connsiteY102" fmla="*/ 711993 h 1026318"/>
                <a:gd name="connsiteX103" fmla="*/ 931069 w 3055144"/>
                <a:gd name="connsiteY103" fmla="*/ 702468 h 1026318"/>
                <a:gd name="connsiteX104" fmla="*/ 947737 w 3055144"/>
                <a:gd name="connsiteY104" fmla="*/ 702468 h 1026318"/>
                <a:gd name="connsiteX105" fmla="*/ 942975 w 3055144"/>
                <a:gd name="connsiteY105" fmla="*/ 697706 h 1026318"/>
                <a:gd name="connsiteX106" fmla="*/ 966787 w 3055144"/>
                <a:gd name="connsiteY106" fmla="*/ 697706 h 1026318"/>
                <a:gd name="connsiteX107" fmla="*/ 966787 w 3055144"/>
                <a:gd name="connsiteY107" fmla="*/ 692943 h 1026318"/>
                <a:gd name="connsiteX108" fmla="*/ 983456 w 3055144"/>
                <a:gd name="connsiteY108" fmla="*/ 692943 h 1026318"/>
                <a:gd name="connsiteX109" fmla="*/ 983456 w 3055144"/>
                <a:gd name="connsiteY109" fmla="*/ 683418 h 1026318"/>
                <a:gd name="connsiteX110" fmla="*/ 1042987 w 3055144"/>
                <a:gd name="connsiteY110" fmla="*/ 683418 h 1026318"/>
                <a:gd name="connsiteX111" fmla="*/ 1042987 w 3055144"/>
                <a:gd name="connsiteY111" fmla="*/ 676275 h 1026318"/>
                <a:gd name="connsiteX112" fmla="*/ 1050131 w 3055144"/>
                <a:gd name="connsiteY112" fmla="*/ 676275 h 1026318"/>
                <a:gd name="connsiteX113" fmla="*/ 1050131 w 3055144"/>
                <a:gd name="connsiteY113" fmla="*/ 661987 h 1026318"/>
                <a:gd name="connsiteX114" fmla="*/ 1083469 w 3055144"/>
                <a:gd name="connsiteY114" fmla="*/ 661987 h 1026318"/>
                <a:gd name="connsiteX115" fmla="*/ 1083469 w 3055144"/>
                <a:gd name="connsiteY115" fmla="*/ 654843 h 1026318"/>
                <a:gd name="connsiteX116" fmla="*/ 1114425 w 3055144"/>
                <a:gd name="connsiteY116" fmla="*/ 654843 h 1026318"/>
                <a:gd name="connsiteX117" fmla="*/ 1114425 w 3055144"/>
                <a:gd name="connsiteY117" fmla="*/ 650081 h 1026318"/>
                <a:gd name="connsiteX118" fmla="*/ 1128712 w 3055144"/>
                <a:gd name="connsiteY118" fmla="*/ 650081 h 1026318"/>
                <a:gd name="connsiteX119" fmla="*/ 1128712 w 3055144"/>
                <a:gd name="connsiteY119" fmla="*/ 640556 h 1026318"/>
                <a:gd name="connsiteX120" fmla="*/ 1152525 w 3055144"/>
                <a:gd name="connsiteY120" fmla="*/ 640556 h 1026318"/>
                <a:gd name="connsiteX121" fmla="*/ 1152525 w 3055144"/>
                <a:gd name="connsiteY121" fmla="*/ 619125 h 1026318"/>
                <a:gd name="connsiteX122" fmla="*/ 1195387 w 3055144"/>
                <a:gd name="connsiteY122" fmla="*/ 619125 h 1026318"/>
                <a:gd name="connsiteX123" fmla="*/ 1195387 w 3055144"/>
                <a:gd name="connsiteY123" fmla="*/ 609600 h 1026318"/>
                <a:gd name="connsiteX124" fmla="*/ 1195387 w 3055144"/>
                <a:gd name="connsiteY124" fmla="*/ 609600 h 1026318"/>
                <a:gd name="connsiteX125" fmla="*/ 1214437 w 3055144"/>
                <a:gd name="connsiteY125" fmla="*/ 609600 h 1026318"/>
                <a:gd name="connsiteX126" fmla="*/ 1252537 w 3055144"/>
                <a:gd name="connsiteY126" fmla="*/ 609600 h 1026318"/>
                <a:gd name="connsiteX127" fmla="*/ 1252537 w 3055144"/>
                <a:gd name="connsiteY127" fmla="*/ 588168 h 1026318"/>
                <a:gd name="connsiteX128" fmla="*/ 1295400 w 3055144"/>
                <a:gd name="connsiteY128" fmla="*/ 588168 h 1026318"/>
                <a:gd name="connsiteX129" fmla="*/ 1295400 w 3055144"/>
                <a:gd name="connsiteY129" fmla="*/ 581025 h 1026318"/>
                <a:gd name="connsiteX130" fmla="*/ 1309687 w 3055144"/>
                <a:gd name="connsiteY130" fmla="*/ 581025 h 1026318"/>
                <a:gd name="connsiteX131" fmla="*/ 1309687 w 3055144"/>
                <a:gd name="connsiteY131" fmla="*/ 571500 h 1026318"/>
                <a:gd name="connsiteX132" fmla="*/ 1376362 w 3055144"/>
                <a:gd name="connsiteY132" fmla="*/ 571500 h 1026318"/>
                <a:gd name="connsiteX133" fmla="*/ 1378744 w 3055144"/>
                <a:gd name="connsiteY133" fmla="*/ 569118 h 1026318"/>
                <a:gd name="connsiteX134" fmla="*/ 1383506 w 3055144"/>
                <a:gd name="connsiteY134" fmla="*/ 564356 h 1026318"/>
                <a:gd name="connsiteX135" fmla="*/ 1383506 w 3055144"/>
                <a:gd name="connsiteY135" fmla="*/ 552450 h 1026318"/>
                <a:gd name="connsiteX136" fmla="*/ 1393031 w 3055144"/>
                <a:gd name="connsiteY136" fmla="*/ 552450 h 1026318"/>
                <a:gd name="connsiteX137" fmla="*/ 1393031 w 3055144"/>
                <a:gd name="connsiteY137" fmla="*/ 540543 h 1026318"/>
                <a:gd name="connsiteX138" fmla="*/ 1409700 w 3055144"/>
                <a:gd name="connsiteY138" fmla="*/ 540543 h 1026318"/>
                <a:gd name="connsiteX139" fmla="*/ 1409700 w 3055144"/>
                <a:gd name="connsiteY139" fmla="*/ 533400 h 1026318"/>
                <a:gd name="connsiteX140" fmla="*/ 1504950 w 3055144"/>
                <a:gd name="connsiteY140" fmla="*/ 533400 h 1026318"/>
                <a:gd name="connsiteX141" fmla="*/ 1504950 w 3055144"/>
                <a:gd name="connsiteY141" fmla="*/ 521493 h 1026318"/>
                <a:gd name="connsiteX142" fmla="*/ 1540669 w 3055144"/>
                <a:gd name="connsiteY142" fmla="*/ 521493 h 1026318"/>
                <a:gd name="connsiteX143" fmla="*/ 1540669 w 3055144"/>
                <a:gd name="connsiteY143" fmla="*/ 516731 h 1026318"/>
                <a:gd name="connsiteX144" fmla="*/ 1554956 w 3055144"/>
                <a:gd name="connsiteY144" fmla="*/ 516731 h 1026318"/>
                <a:gd name="connsiteX145" fmla="*/ 1554956 w 3055144"/>
                <a:gd name="connsiteY145" fmla="*/ 514350 h 1026318"/>
                <a:gd name="connsiteX146" fmla="*/ 1643062 w 3055144"/>
                <a:gd name="connsiteY146" fmla="*/ 514350 h 1026318"/>
                <a:gd name="connsiteX147" fmla="*/ 1643062 w 3055144"/>
                <a:gd name="connsiteY147" fmla="*/ 504825 h 1026318"/>
                <a:gd name="connsiteX148" fmla="*/ 1700212 w 3055144"/>
                <a:gd name="connsiteY148" fmla="*/ 504825 h 1026318"/>
                <a:gd name="connsiteX149" fmla="*/ 1700212 w 3055144"/>
                <a:gd name="connsiteY149" fmla="*/ 492918 h 1026318"/>
                <a:gd name="connsiteX150" fmla="*/ 1707356 w 3055144"/>
                <a:gd name="connsiteY150" fmla="*/ 492918 h 1026318"/>
                <a:gd name="connsiteX151" fmla="*/ 1707356 w 3055144"/>
                <a:gd name="connsiteY151" fmla="*/ 476250 h 1026318"/>
                <a:gd name="connsiteX152" fmla="*/ 1747837 w 3055144"/>
                <a:gd name="connsiteY152" fmla="*/ 476250 h 1026318"/>
                <a:gd name="connsiteX153" fmla="*/ 1747837 w 3055144"/>
                <a:gd name="connsiteY153" fmla="*/ 469106 h 1026318"/>
                <a:gd name="connsiteX154" fmla="*/ 1754981 w 3055144"/>
                <a:gd name="connsiteY154" fmla="*/ 469106 h 1026318"/>
                <a:gd name="connsiteX155" fmla="*/ 1754981 w 3055144"/>
                <a:gd name="connsiteY155" fmla="*/ 454818 h 1026318"/>
                <a:gd name="connsiteX156" fmla="*/ 1766887 w 3055144"/>
                <a:gd name="connsiteY156" fmla="*/ 454818 h 1026318"/>
                <a:gd name="connsiteX157" fmla="*/ 1769269 w 3055144"/>
                <a:gd name="connsiteY157" fmla="*/ 452436 h 1026318"/>
                <a:gd name="connsiteX158" fmla="*/ 1866900 w 3055144"/>
                <a:gd name="connsiteY158" fmla="*/ 452436 h 1026318"/>
                <a:gd name="connsiteX159" fmla="*/ 1866900 w 3055144"/>
                <a:gd name="connsiteY159" fmla="*/ 440531 h 1026318"/>
                <a:gd name="connsiteX160" fmla="*/ 1881187 w 3055144"/>
                <a:gd name="connsiteY160" fmla="*/ 440531 h 1026318"/>
                <a:gd name="connsiteX161" fmla="*/ 1881187 w 3055144"/>
                <a:gd name="connsiteY161" fmla="*/ 433387 h 1026318"/>
                <a:gd name="connsiteX162" fmla="*/ 1897856 w 3055144"/>
                <a:gd name="connsiteY162" fmla="*/ 433387 h 1026318"/>
                <a:gd name="connsiteX163" fmla="*/ 1897856 w 3055144"/>
                <a:gd name="connsiteY163" fmla="*/ 426243 h 1026318"/>
                <a:gd name="connsiteX164" fmla="*/ 1981200 w 3055144"/>
                <a:gd name="connsiteY164" fmla="*/ 426243 h 1026318"/>
                <a:gd name="connsiteX165" fmla="*/ 1981200 w 3055144"/>
                <a:gd name="connsiteY165" fmla="*/ 421481 h 1026318"/>
                <a:gd name="connsiteX166" fmla="*/ 1988344 w 3055144"/>
                <a:gd name="connsiteY166" fmla="*/ 421481 h 1026318"/>
                <a:gd name="connsiteX167" fmla="*/ 1988344 w 3055144"/>
                <a:gd name="connsiteY167" fmla="*/ 407193 h 1026318"/>
                <a:gd name="connsiteX168" fmla="*/ 2028825 w 3055144"/>
                <a:gd name="connsiteY168" fmla="*/ 407193 h 1026318"/>
                <a:gd name="connsiteX169" fmla="*/ 2028825 w 3055144"/>
                <a:gd name="connsiteY169" fmla="*/ 385762 h 1026318"/>
                <a:gd name="connsiteX170" fmla="*/ 2033587 w 3055144"/>
                <a:gd name="connsiteY170" fmla="*/ 385762 h 1026318"/>
                <a:gd name="connsiteX171" fmla="*/ 2033587 w 3055144"/>
                <a:gd name="connsiteY171" fmla="*/ 378618 h 1026318"/>
                <a:gd name="connsiteX172" fmla="*/ 2069306 w 3055144"/>
                <a:gd name="connsiteY172" fmla="*/ 378618 h 1026318"/>
                <a:gd name="connsiteX173" fmla="*/ 2069306 w 3055144"/>
                <a:gd name="connsiteY173" fmla="*/ 361950 h 1026318"/>
                <a:gd name="connsiteX174" fmla="*/ 2190750 w 3055144"/>
                <a:gd name="connsiteY174" fmla="*/ 361950 h 1026318"/>
                <a:gd name="connsiteX175" fmla="*/ 2190750 w 3055144"/>
                <a:gd name="connsiteY175" fmla="*/ 361950 h 1026318"/>
                <a:gd name="connsiteX176" fmla="*/ 2207419 w 3055144"/>
                <a:gd name="connsiteY176" fmla="*/ 345281 h 1026318"/>
                <a:gd name="connsiteX177" fmla="*/ 2207419 w 3055144"/>
                <a:gd name="connsiteY177" fmla="*/ 326231 h 1026318"/>
                <a:gd name="connsiteX178" fmla="*/ 2288381 w 3055144"/>
                <a:gd name="connsiteY178" fmla="*/ 326231 h 1026318"/>
                <a:gd name="connsiteX179" fmla="*/ 2288381 w 3055144"/>
                <a:gd name="connsiteY179" fmla="*/ 309562 h 1026318"/>
                <a:gd name="connsiteX180" fmla="*/ 2302669 w 3055144"/>
                <a:gd name="connsiteY180" fmla="*/ 309562 h 1026318"/>
                <a:gd name="connsiteX181" fmla="*/ 2302669 w 3055144"/>
                <a:gd name="connsiteY181" fmla="*/ 285750 h 1026318"/>
                <a:gd name="connsiteX182" fmla="*/ 2312194 w 3055144"/>
                <a:gd name="connsiteY182" fmla="*/ 285750 h 1026318"/>
                <a:gd name="connsiteX183" fmla="*/ 2312194 w 3055144"/>
                <a:gd name="connsiteY183" fmla="*/ 245268 h 1026318"/>
                <a:gd name="connsiteX184" fmla="*/ 2316956 w 3055144"/>
                <a:gd name="connsiteY184" fmla="*/ 245268 h 1026318"/>
                <a:gd name="connsiteX185" fmla="*/ 2316956 w 3055144"/>
                <a:gd name="connsiteY185" fmla="*/ 230981 h 1026318"/>
                <a:gd name="connsiteX186" fmla="*/ 2395537 w 3055144"/>
                <a:gd name="connsiteY186" fmla="*/ 230981 h 1026318"/>
                <a:gd name="connsiteX187" fmla="*/ 2395537 w 3055144"/>
                <a:gd name="connsiteY187" fmla="*/ 211931 h 1026318"/>
                <a:gd name="connsiteX188" fmla="*/ 2431256 w 3055144"/>
                <a:gd name="connsiteY188" fmla="*/ 211931 h 1026318"/>
                <a:gd name="connsiteX189" fmla="*/ 2431256 w 3055144"/>
                <a:gd name="connsiteY189" fmla="*/ 190500 h 1026318"/>
                <a:gd name="connsiteX190" fmla="*/ 2462212 w 3055144"/>
                <a:gd name="connsiteY190" fmla="*/ 190500 h 1026318"/>
                <a:gd name="connsiteX191" fmla="*/ 2462212 w 3055144"/>
                <a:gd name="connsiteY191" fmla="*/ 178593 h 1026318"/>
                <a:gd name="connsiteX192" fmla="*/ 2469356 w 3055144"/>
                <a:gd name="connsiteY192" fmla="*/ 178593 h 1026318"/>
                <a:gd name="connsiteX193" fmla="*/ 2469356 w 3055144"/>
                <a:gd name="connsiteY193" fmla="*/ 169068 h 1026318"/>
                <a:gd name="connsiteX194" fmla="*/ 2505075 w 3055144"/>
                <a:gd name="connsiteY194" fmla="*/ 169068 h 1026318"/>
                <a:gd name="connsiteX195" fmla="*/ 2505075 w 3055144"/>
                <a:gd name="connsiteY195" fmla="*/ 140493 h 1026318"/>
                <a:gd name="connsiteX196" fmla="*/ 2509837 w 3055144"/>
                <a:gd name="connsiteY196" fmla="*/ 140493 h 1026318"/>
                <a:gd name="connsiteX197" fmla="*/ 2509837 w 3055144"/>
                <a:gd name="connsiteY197" fmla="*/ 123825 h 1026318"/>
                <a:gd name="connsiteX198" fmla="*/ 2800350 w 3055144"/>
                <a:gd name="connsiteY198" fmla="*/ 123825 h 1026318"/>
                <a:gd name="connsiteX199" fmla="*/ 2800350 w 3055144"/>
                <a:gd name="connsiteY199" fmla="*/ 116681 h 1026318"/>
                <a:gd name="connsiteX200" fmla="*/ 2812256 w 3055144"/>
                <a:gd name="connsiteY200" fmla="*/ 116681 h 1026318"/>
                <a:gd name="connsiteX201" fmla="*/ 2812256 w 3055144"/>
                <a:gd name="connsiteY201" fmla="*/ 92868 h 1026318"/>
                <a:gd name="connsiteX202" fmla="*/ 2886075 w 3055144"/>
                <a:gd name="connsiteY202" fmla="*/ 92868 h 1026318"/>
                <a:gd name="connsiteX203" fmla="*/ 2886075 w 3055144"/>
                <a:gd name="connsiteY203" fmla="*/ 73818 h 1026318"/>
                <a:gd name="connsiteX204" fmla="*/ 2893219 w 3055144"/>
                <a:gd name="connsiteY204" fmla="*/ 73818 h 1026318"/>
                <a:gd name="connsiteX205" fmla="*/ 2893219 w 3055144"/>
                <a:gd name="connsiteY205" fmla="*/ 61912 h 1026318"/>
                <a:gd name="connsiteX206" fmla="*/ 2928937 w 3055144"/>
                <a:gd name="connsiteY206" fmla="*/ 61912 h 1026318"/>
                <a:gd name="connsiteX207" fmla="*/ 2928937 w 3055144"/>
                <a:gd name="connsiteY207" fmla="*/ 33337 h 1026318"/>
                <a:gd name="connsiteX208" fmla="*/ 2969419 w 3055144"/>
                <a:gd name="connsiteY208" fmla="*/ 33337 h 1026318"/>
                <a:gd name="connsiteX209" fmla="*/ 2969419 w 3055144"/>
                <a:gd name="connsiteY209" fmla="*/ 0 h 1026318"/>
                <a:gd name="connsiteX210" fmla="*/ 3055144 w 3055144"/>
                <a:gd name="connsiteY210" fmla="*/ 0 h 1026318"/>
                <a:gd name="connsiteX211" fmla="*/ 3055144 w 3055144"/>
                <a:gd name="connsiteY211" fmla="*/ 0 h 10953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</a:cxnLst>
              <a:rect l="l" t="t" r="r" b="b"/>
              <a:pathLst>
                <a:path w="3055144" h="1026318">
                  <a:moveTo>
                    <a:pt x="0" y="1026318"/>
                  </a:moveTo>
                  <a:lnTo>
                    <a:pt x="16669" y="1026318"/>
                  </a:lnTo>
                  <a:lnTo>
                    <a:pt x="16669" y="1014412"/>
                  </a:lnTo>
                  <a:lnTo>
                    <a:pt x="33337" y="1014412"/>
                  </a:lnTo>
                  <a:lnTo>
                    <a:pt x="35719" y="1012030"/>
                  </a:lnTo>
                  <a:lnTo>
                    <a:pt x="50006" y="1012030"/>
                  </a:lnTo>
                  <a:lnTo>
                    <a:pt x="50006" y="1007268"/>
                  </a:lnTo>
                  <a:lnTo>
                    <a:pt x="54769" y="1007268"/>
                  </a:lnTo>
                  <a:lnTo>
                    <a:pt x="61912" y="1007268"/>
                  </a:lnTo>
                  <a:lnTo>
                    <a:pt x="61912" y="1000125"/>
                  </a:lnTo>
                  <a:lnTo>
                    <a:pt x="73819" y="1000125"/>
                  </a:lnTo>
                  <a:lnTo>
                    <a:pt x="73819" y="995362"/>
                  </a:lnTo>
                  <a:lnTo>
                    <a:pt x="80962" y="995362"/>
                  </a:lnTo>
                  <a:lnTo>
                    <a:pt x="80962" y="992981"/>
                  </a:lnTo>
                  <a:lnTo>
                    <a:pt x="88106" y="992981"/>
                  </a:lnTo>
                  <a:lnTo>
                    <a:pt x="88106" y="985837"/>
                  </a:lnTo>
                  <a:lnTo>
                    <a:pt x="100012" y="985837"/>
                  </a:lnTo>
                  <a:lnTo>
                    <a:pt x="100012" y="978693"/>
                  </a:lnTo>
                  <a:lnTo>
                    <a:pt x="116681" y="978693"/>
                  </a:lnTo>
                  <a:lnTo>
                    <a:pt x="116681" y="973931"/>
                  </a:lnTo>
                  <a:lnTo>
                    <a:pt x="133350" y="973931"/>
                  </a:lnTo>
                  <a:lnTo>
                    <a:pt x="133350" y="966787"/>
                  </a:lnTo>
                  <a:lnTo>
                    <a:pt x="142875" y="966787"/>
                  </a:lnTo>
                  <a:lnTo>
                    <a:pt x="142875" y="959643"/>
                  </a:lnTo>
                  <a:lnTo>
                    <a:pt x="152400" y="959643"/>
                  </a:lnTo>
                  <a:lnTo>
                    <a:pt x="152400" y="954881"/>
                  </a:lnTo>
                  <a:lnTo>
                    <a:pt x="166687" y="954881"/>
                  </a:lnTo>
                  <a:lnTo>
                    <a:pt x="166687" y="950118"/>
                  </a:lnTo>
                  <a:lnTo>
                    <a:pt x="195262" y="950118"/>
                  </a:lnTo>
                  <a:lnTo>
                    <a:pt x="195262" y="942975"/>
                  </a:lnTo>
                  <a:lnTo>
                    <a:pt x="204787" y="942975"/>
                  </a:lnTo>
                  <a:lnTo>
                    <a:pt x="204787" y="938212"/>
                  </a:lnTo>
                  <a:lnTo>
                    <a:pt x="216694" y="938212"/>
                  </a:lnTo>
                  <a:lnTo>
                    <a:pt x="216694" y="935831"/>
                  </a:lnTo>
                  <a:lnTo>
                    <a:pt x="233362" y="935831"/>
                  </a:lnTo>
                  <a:lnTo>
                    <a:pt x="238125" y="931068"/>
                  </a:lnTo>
                  <a:lnTo>
                    <a:pt x="250031" y="931068"/>
                  </a:lnTo>
                  <a:lnTo>
                    <a:pt x="250031" y="919162"/>
                  </a:lnTo>
                  <a:lnTo>
                    <a:pt x="264319" y="919162"/>
                  </a:lnTo>
                  <a:lnTo>
                    <a:pt x="264319" y="914400"/>
                  </a:lnTo>
                  <a:lnTo>
                    <a:pt x="273844" y="914400"/>
                  </a:lnTo>
                  <a:lnTo>
                    <a:pt x="273844" y="907256"/>
                  </a:lnTo>
                  <a:lnTo>
                    <a:pt x="297656" y="907256"/>
                  </a:lnTo>
                  <a:lnTo>
                    <a:pt x="297656" y="900112"/>
                  </a:lnTo>
                  <a:lnTo>
                    <a:pt x="323850" y="900112"/>
                  </a:lnTo>
                  <a:lnTo>
                    <a:pt x="323850" y="900112"/>
                  </a:lnTo>
                  <a:lnTo>
                    <a:pt x="333375" y="900112"/>
                  </a:lnTo>
                  <a:lnTo>
                    <a:pt x="333375" y="890587"/>
                  </a:lnTo>
                  <a:lnTo>
                    <a:pt x="340519" y="890587"/>
                  </a:lnTo>
                  <a:lnTo>
                    <a:pt x="340519" y="885825"/>
                  </a:lnTo>
                  <a:lnTo>
                    <a:pt x="352425" y="885825"/>
                  </a:lnTo>
                  <a:lnTo>
                    <a:pt x="352425" y="871537"/>
                  </a:lnTo>
                  <a:lnTo>
                    <a:pt x="361950" y="871537"/>
                  </a:lnTo>
                  <a:lnTo>
                    <a:pt x="361950" y="862012"/>
                  </a:lnTo>
                  <a:lnTo>
                    <a:pt x="378619" y="862012"/>
                  </a:lnTo>
                  <a:lnTo>
                    <a:pt x="378619" y="852487"/>
                  </a:lnTo>
                  <a:lnTo>
                    <a:pt x="390525" y="852487"/>
                  </a:lnTo>
                  <a:lnTo>
                    <a:pt x="390525" y="842962"/>
                  </a:lnTo>
                  <a:lnTo>
                    <a:pt x="404812" y="842962"/>
                  </a:lnTo>
                  <a:lnTo>
                    <a:pt x="404812" y="838200"/>
                  </a:lnTo>
                  <a:lnTo>
                    <a:pt x="411956" y="838200"/>
                  </a:lnTo>
                  <a:lnTo>
                    <a:pt x="411956" y="833437"/>
                  </a:lnTo>
                  <a:lnTo>
                    <a:pt x="433387" y="833437"/>
                  </a:lnTo>
                  <a:lnTo>
                    <a:pt x="433387" y="831056"/>
                  </a:lnTo>
                  <a:lnTo>
                    <a:pt x="447675" y="831056"/>
                  </a:lnTo>
                  <a:lnTo>
                    <a:pt x="447675" y="826293"/>
                  </a:lnTo>
                  <a:lnTo>
                    <a:pt x="461962" y="826293"/>
                  </a:lnTo>
                  <a:lnTo>
                    <a:pt x="464344" y="823911"/>
                  </a:lnTo>
                  <a:lnTo>
                    <a:pt x="488156" y="823911"/>
                  </a:lnTo>
                  <a:lnTo>
                    <a:pt x="488156" y="812006"/>
                  </a:lnTo>
                  <a:lnTo>
                    <a:pt x="504825" y="812006"/>
                  </a:lnTo>
                  <a:lnTo>
                    <a:pt x="507206" y="809625"/>
                  </a:lnTo>
                  <a:lnTo>
                    <a:pt x="523875" y="809625"/>
                  </a:lnTo>
                  <a:lnTo>
                    <a:pt x="523875" y="802481"/>
                  </a:lnTo>
                  <a:lnTo>
                    <a:pt x="547687" y="802481"/>
                  </a:lnTo>
                  <a:lnTo>
                    <a:pt x="550069" y="800099"/>
                  </a:lnTo>
                  <a:lnTo>
                    <a:pt x="554831" y="795337"/>
                  </a:lnTo>
                  <a:lnTo>
                    <a:pt x="559594" y="790574"/>
                  </a:lnTo>
                  <a:lnTo>
                    <a:pt x="616744" y="790574"/>
                  </a:lnTo>
                  <a:lnTo>
                    <a:pt x="616744" y="783431"/>
                  </a:lnTo>
                  <a:lnTo>
                    <a:pt x="647700" y="783431"/>
                  </a:lnTo>
                  <a:lnTo>
                    <a:pt x="647700" y="773906"/>
                  </a:lnTo>
                  <a:lnTo>
                    <a:pt x="676275" y="773906"/>
                  </a:lnTo>
                  <a:lnTo>
                    <a:pt x="676275" y="769143"/>
                  </a:lnTo>
                  <a:lnTo>
                    <a:pt x="690562" y="769143"/>
                  </a:lnTo>
                  <a:lnTo>
                    <a:pt x="690562" y="759618"/>
                  </a:lnTo>
                  <a:lnTo>
                    <a:pt x="702469" y="759618"/>
                  </a:lnTo>
                  <a:lnTo>
                    <a:pt x="702469" y="752475"/>
                  </a:lnTo>
                  <a:lnTo>
                    <a:pt x="716756" y="752475"/>
                  </a:lnTo>
                  <a:lnTo>
                    <a:pt x="716756" y="745331"/>
                  </a:lnTo>
                  <a:lnTo>
                    <a:pt x="728662" y="745331"/>
                  </a:lnTo>
                  <a:lnTo>
                    <a:pt x="728662" y="738187"/>
                  </a:lnTo>
                  <a:lnTo>
                    <a:pt x="769144" y="738187"/>
                  </a:lnTo>
                  <a:lnTo>
                    <a:pt x="771525" y="738187"/>
                  </a:lnTo>
                  <a:lnTo>
                    <a:pt x="809625" y="738187"/>
                  </a:lnTo>
                  <a:lnTo>
                    <a:pt x="809625" y="731043"/>
                  </a:lnTo>
                  <a:lnTo>
                    <a:pt x="852487" y="731043"/>
                  </a:lnTo>
                  <a:lnTo>
                    <a:pt x="852487" y="726281"/>
                  </a:lnTo>
                  <a:lnTo>
                    <a:pt x="871537" y="726281"/>
                  </a:lnTo>
                  <a:lnTo>
                    <a:pt x="873919" y="723899"/>
                  </a:lnTo>
                  <a:lnTo>
                    <a:pt x="888206" y="723899"/>
                  </a:lnTo>
                  <a:lnTo>
                    <a:pt x="888206" y="711993"/>
                  </a:lnTo>
                  <a:lnTo>
                    <a:pt x="931069" y="711993"/>
                  </a:lnTo>
                  <a:lnTo>
                    <a:pt x="931069" y="702468"/>
                  </a:lnTo>
                  <a:lnTo>
                    <a:pt x="947737" y="702468"/>
                  </a:lnTo>
                  <a:lnTo>
                    <a:pt x="942975" y="697706"/>
                  </a:lnTo>
                  <a:lnTo>
                    <a:pt x="966787" y="697706"/>
                  </a:lnTo>
                  <a:lnTo>
                    <a:pt x="966787" y="692943"/>
                  </a:lnTo>
                  <a:lnTo>
                    <a:pt x="983456" y="692943"/>
                  </a:lnTo>
                  <a:lnTo>
                    <a:pt x="983456" y="683418"/>
                  </a:lnTo>
                  <a:lnTo>
                    <a:pt x="1042987" y="683418"/>
                  </a:lnTo>
                  <a:lnTo>
                    <a:pt x="1042987" y="676275"/>
                  </a:lnTo>
                  <a:lnTo>
                    <a:pt x="1050131" y="676275"/>
                  </a:lnTo>
                  <a:lnTo>
                    <a:pt x="1050131" y="661987"/>
                  </a:lnTo>
                  <a:lnTo>
                    <a:pt x="1083469" y="661987"/>
                  </a:lnTo>
                  <a:lnTo>
                    <a:pt x="1083469" y="654843"/>
                  </a:lnTo>
                  <a:lnTo>
                    <a:pt x="1114425" y="654843"/>
                  </a:lnTo>
                  <a:lnTo>
                    <a:pt x="1114425" y="650081"/>
                  </a:lnTo>
                  <a:lnTo>
                    <a:pt x="1128712" y="650081"/>
                  </a:lnTo>
                  <a:lnTo>
                    <a:pt x="1128712" y="640556"/>
                  </a:lnTo>
                  <a:lnTo>
                    <a:pt x="1152525" y="640556"/>
                  </a:lnTo>
                  <a:lnTo>
                    <a:pt x="1152525" y="619125"/>
                  </a:lnTo>
                  <a:lnTo>
                    <a:pt x="1195387" y="619125"/>
                  </a:lnTo>
                  <a:lnTo>
                    <a:pt x="1195387" y="609600"/>
                  </a:lnTo>
                  <a:lnTo>
                    <a:pt x="1195387" y="609600"/>
                  </a:lnTo>
                  <a:lnTo>
                    <a:pt x="1214437" y="609600"/>
                  </a:lnTo>
                  <a:lnTo>
                    <a:pt x="1252537" y="609600"/>
                  </a:lnTo>
                  <a:lnTo>
                    <a:pt x="1252537" y="588168"/>
                  </a:lnTo>
                  <a:lnTo>
                    <a:pt x="1295400" y="588168"/>
                  </a:lnTo>
                  <a:lnTo>
                    <a:pt x="1295400" y="581025"/>
                  </a:lnTo>
                  <a:lnTo>
                    <a:pt x="1309687" y="581025"/>
                  </a:lnTo>
                  <a:lnTo>
                    <a:pt x="1309687" y="571500"/>
                  </a:lnTo>
                  <a:lnTo>
                    <a:pt x="1376362" y="571500"/>
                  </a:lnTo>
                  <a:lnTo>
                    <a:pt x="1378744" y="569118"/>
                  </a:lnTo>
                  <a:lnTo>
                    <a:pt x="1383506" y="564356"/>
                  </a:lnTo>
                  <a:lnTo>
                    <a:pt x="1383506" y="552450"/>
                  </a:lnTo>
                  <a:lnTo>
                    <a:pt x="1393031" y="552450"/>
                  </a:lnTo>
                  <a:lnTo>
                    <a:pt x="1393031" y="540543"/>
                  </a:lnTo>
                  <a:lnTo>
                    <a:pt x="1409700" y="540543"/>
                  </a:lnTo>
                  <a:lnTo>
                    <a:pt x="1409700" y="533400"/>
                  </a:lnTo>
                  <a:lnTo>
                    <a:pt x="1504950" y="533400"/>
                  </a:lnTo>
                  <a:lnTo>
                    <a:pt x="1504950" y="521493"/>
                  </a:lnTo>
                  <a:lnTo>
                    <a:pt x="1540669" y="521493"/>
                  </a:lnTo>
                  <a:lnTo>
                    <a:pt x="1540669" y="516731"/>
                  </a:lnTo>
                  <a:lnTo>
                    <a:pt x="1554956" y="516731"/>
                  </a:lnTo>
                  <a:lnTo>
                    <a:pt x="1554956" y="514350"/>
                  </a:lnTo>
                  <a:lnTo>
                    <a:pt x="1643062" y="514350"/>
                  </a:lnTo>
                  <a:lnTo>
                    <a:pt x="1643062" y="504825"/>
                  </a:lnTo>
                  <a:lnTo>
                    <a:pt x="1700212" y="504825"/>
                  </a:lnTo>
                  <a:lnTo>
                    <a:pt x="1700212" y="492918"/>
                  </a:lnTo>
                  <a:lnTo>
                    <a:pt x="1707356" y="492918"/>
                  </a:lnTo>
                  <a:lnTo>
                    <a:pt x="1707356" y="476250"/>
                  </a:lnTo>
                  <a:lnTo>
                    <a:pt x="1747837" y="476250"/>
                  </a:lnTo>
                  <a:lnTo>
                    <a:pt x="1747837" y="469106"/>
                  </a:lnTo>
                  <a:lnTo>
                    <a:pt x="1754981" y="469106"/>
                  </a:lnTo>
                  <a:lnTo>
                    <a:pt x="1754981" y="454818"/>
                  </a:lnTo>
                  <a:lnTo>
                    <a:pt x="1766887" y="454818"/>
                  </a:lnTo>
                  <a:lnTo>
                    <a:pt x="1769269" y="452436"/>
                  </a:lnTo>
                  <a:lnTo>
                    <a:pt x="1866900" y="452436"/>
                  </a:lnTo>
                  <a:lnTo>
                    <a:pt x="1866900" y="440531"/>
                  </a:lnTo>
                  <a:lnTo>
                    <a:pt x="1881187" y="440531"/>
                  </a:lnTo>
                  <a:lnTo>
                    <a:pt x="1881187" y="433387"/>
                  </a:lnTo>
                  <a:lnTo>
                    <a:pt x="1897856" y="433387"/>
                  </a:lnTo>
                  <a:lnTo>
                    <a:pt x="1897856" y="426243"/>
                  </a:lnTo>
                  <a:lnTo>
                    <a:pt x="1981200" y="426243"/>
                  </a:lnTo>
                  <a:lnTo>
                    <a:pt x="1981200" y="421481"/>
                  </a:lnTo>
                  <a:lnTo>
                    <a:pt x="1988344" y="421481"/>
                  </a:lnTo>
                  <a:lnTo>
                    <a:pt x="1988344" y="407193"/>
                  </a:lnTo>
                  <a:lnTo>
                    <a:pt x="2028825" y="407193"/>
                  </a:lnTo>
                  <a:lnTo>
                    <a:pt x="2028825" y="385762"/>
                  </a:lnTo>
                  <a:lnTo>
                    <a:pt x="2033587" y="385762"/>
                  </a:lnTo>
                  <a:lnTo>
                    <a:pt x="2033587" y="378618"/>
                  </a:lnTo>
                  <a:lnTo>
                    <a:pt x="2069306" y="378618"/>
                  </a:lnTo>
                  <a:lnTo>
                    <a:pt x="2069306" y="361950"/>
                  </a:lnTo>
                  <a:lnTo>
                    <a:pt x="2190750" y="361950"/>
                  </a:lnTo>
                  <a:lnTo>
                    <a:pt x="2190750" y="361950"/>
                  </a:lnTo>
                  <a:lnTo>
                    <a:pt x="2207419" y="345281"/>
                  </a:lnTo>
                  <a:lnTo>
                    <a:pt x="2207419" y="326231"/>
                  </a:lnTo>
                  <a:lnTo>
                    <a:pt x="2288381" y="326231"/>
                  </a:lnTo>
                  <a:lnTo>
                    <a:pt x="2288381" y="309562"/>
                  </a:lnTo>
                  <a:lnTo>
                    <a:pt x="2302669" y="309562"/>
                  </a:lnTo>
                  <a:lnTo>
                    <a:pt x="2302669" y="285750"/>
                  </a:lnTo>
                  <a:lnTo>
                    <a:pt x="2312194" y="285750"/>
                  </a:lnTo>
                  <a:lnTo>
                    <a:pt x="2312194" y="245268"/>
                  </a:lnTo>
                  <a:lnTo>
                    <a:pt x="2316956" y="245268"/>
                  </a:lnTo>
                  <a:lnTo>
                    <a:pt x="2316956" y="230981"/>
                  </a:lnTo>
                  <a:lnTo>
                    <a:pt x="2395537" y="230981"/>
                  </a:lnTo>
                  <a:lnTo>
                    <a:pt x="2395537" y="211931"/>
                  </a:lnTo>
                  <a:lnTo>
                    <a:pt x="2431256" y="211931"/>
                  </a:lnTo>
                  <a:lnTo>
                    <a:pt x="2431256" y="190500"/>
                  </a:lnTo>
                  <a:lnTo>
                    <a:pt x="2462212" y="190500"/>
                  </a:lnTo>
                  <a:lnTo>
                    <a:pt x="2462212" y="178593"/>
                  </a:lnTo>
                  <a:lnTo>
                    <a:pt x="2469356" y="178593"/>
                  </a:lnTo>
                  <a:lnTo>
                    <a:pt x="2469356" y="169068"/>
                  </a:lnTo>
                  <a:lnTo>
                    <a:pt x="2505075" y="169068"/>
                  </a:lnTo>
                  <a:lnTo>
                    <a:pt x="2505075" y="140493"/>
                  </a:lnTo>
                  <a:lnTo>
                    <a:pt x="2509837" y="140493"/>
                  </a:lnTo>
                  <a:lnTo>
                    <a:pt x="2509837" y="123825"/>
                  </a:lnTo>
                  <a:lnTo>
                    <a:pt x="2800350" y="123825"/>
                  </a:lnTo>
                  <a:lnTo>
                    <a:pt x="2800350" y="116681"/>
                  </a:lnTo>
                  <a:lnTo>
                    <a:pt x="2812256" y="116681"/>
                  </a:lnTo>
                  <a:lnTo>
                    <a:pt x="2812256" y="92868"/>
                  </a:lnTo>
                  <a:lnTo>
                    <a:pt x="2886075" y="92868"/>
                  </a:lnTo>
                  <a:lnTo>
                    <a:pt x="2886075" y="73818"/>
                  </a:lnTo>
                  <a:lnTo>
                    <a:pt x="2893219" y="73818"/>
                  </a:lnTo>
                  <a:lnTo>
                    <a:pt x="2893219" y="61912"/>
                  </a:lnTo>
                  <a:lnTo>
                    <a:pt x="2928937" y="61912"/>
                  </a:lnTo>
                  <a:lnTo>
                    <a:pt x="2928937" y="33337"/>
                  </a:lnTo>
                  <a:lnTo>
                    <a:pt x="2969419" y="33337"/>
                  </a:lnTo>
                  <a:lnTo>
                    <a:pt x="2969419" y="0"/>
                  </a:lnTo>
                  <a:lnTo>
                    <a:pt x="3055144" y="0"/>
                  </a:lnTo>
                </a:path>
              </a:pathLst>
            </a:custGeom>
            <a:noFill/>
            <a:ln w="28575" algn="ctr">
              <a:solidFill>
                <a:srgbClr val="128672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215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  <a:sym typeface="Helvetica Light"/>
              </a:endParaRPr>
            </a:p>
          </p:txBody>
        </p:sp>
        <p:sp>
          <p:nvSpPr>
            <p:cNvPr id="10" name="Freeform: Shape 65">
              <a:extLst>
                <a:ext uri="{FF2B5EF4-FFF2-40B4-BE49-F238E27FC236}">
                  <a16:creationId xmlns="" xmlns:a16="http://schemas.microsoft.com/office/drawing/2014/main" id="{8DADEED3-3E50-4706-BD58-C2250F6A8196}"/>
                </a:ext>
              </a:extLst>
            </p:cNvPr>
            <p:cNvSpPr/>
            <p:nvPr/>
          </p:nvSpPr>
          <p:spPr bwMode="auto">
            <a:xfrm>
              <a:off x="4848225" y="2019300"/>
              <a:ext cx="3019425" cy="871538"/>
            </a:xfrm>
            <a:custGeom>
              <a:avLst/>
              <a:gdLst>
                <a:gd name="connsiteX0" fmla="*/ 0 w 3019425"/>
                <a:gd name="connsiteY0" fmla="*/ 871538 h 871538"/>
                <a:gd name="connsiteX1" fmla="*/ 88106 w 3019425"/>
                <a:gd name="connsiteY1" fmla="*/ 871538 h 871538"/>
                <a:gd name="connsiteX2" fmla="*/ 88106 w 3019425"/>
                <a:gd name="connsiteY2" fmla="*/ 854869 h 871538"/>
                <a:gd name="connsiteX3" fmla="*/ 92869 w 3019425"/>
                <a:gd name="connsiteY3" fmla="*/ 854869 h 871538"/>
                <a:gd name="connsiteX4" fmla="*/ 92869 w 3019425"/>
                <a:gd name="connsiteY4" fmla="*/ 835819 h 871538"/>
                <a:gd name="connsiteX5" fmla="*/ 107156 w 3019425"/>
                <a:gd name="connsiteY5" fmla="*/ 835819 h 871538"/>
                <a:gd name="connsiteX6" fmla="*/ 107156 w 3019425"/>
                <a:gd name="connsiteY6" fmla="*/ 804863 h 871538"/>
                <a:gd name="connsiteX7" fmla="*/ 321469 w 3019425"/>
                <a:gd name="connsiteY7" fmla="*/ 804863 h 871538"/>
                <a:gd name="connsiteX8" fmla="*/ 321469 w 3019425"/>
                <a:gd name="connsiteY8" fmla="*/ 771525 h 871538"/>
                <a:gd name="connsiteX9" fmla="*/ 328613 w 3019425"/>
                <a:gd name="connsiteY9" fmla="*/ 771525 h 871538"/>
                <a:gd name="connsiteX10" fmla="*/ 328613 w 3019425"/>
                <a:gd name="connsiteY10" fmla="*/ 764381 h 871538"/>
                <a:gd name="connsiteX11" fmla="*/ 342900 w 3019425"/>
                <a:gd name="connsiteY11" fmla="*/ 764381 h 871538"/>
                <a:gd name="connsiteX12" fmla="*/ 342900 w 3019425"/>
                <a:gd name="connsiteY12" fmla="*/ 723900 h 871538"/>
                <a:gd name="connsiteX13" fmla="*/ 433388 w 3019425"/>
                <a:gd name="connsiteY13" fmla="*/ 723900 h 871538"/>
                <a:gd name="connsiteX14" fmla="*/ 433388 w 3019425"/>
                <a:gd name="connsiteY14" fmla="*/ 683419 h 871538"/>
                <a:gd name="connsiteX15" fmla="*/ 652463 w 3019425"/>
                <a:gd name="connsiteY15" fmla="*/ 683419 h 871538"/>
                <a:gd name="connsiteX16" fmla="*/ 652463 w 3019425"/>
                <a:gd name="connsiteY16" fmla="*/ 657225 h 871538"/>
                <a:gd name="connsiteX17" fmla="*/ 659606 w 3019425"/>
                <a:gd name="connsiteY17" fmla="*/ 657225 h 871538"/>
                <a:gd name="connsiteX18" fmla="*/ 659606 w 3019425"/>
                <a:gd name="connsiteY18" fmla="*/ 631031 h 871538"/>
                <a:gd name="connsiteX19" fmla="*/ 669131 w 3019425"/>
                <a:gd name="connsiteY19" fmla="*/ 631031 h 871538"/>
                <a:gd name="connsiteX20" fmla="*/ 669131 w 3019425"/>
                <a:gd name="connsiteY20" fmla="*/ 583406 h 871538"/>
                <a:gd name="connsiteX21" fmla="*/ 752475 w 3019425"/>
                <a:gd name="connsiteY21" fmla="*/ 583406 h 871538"/>
                <a:gd name="connsiteX22" fmla="*/ 752475 w 3019425"/>
                <a:gd name="connsiteY22" fmla="*/ 531019 h 871538"/>
                <a:gd name="connsiteX23" fmla="*/ 785813 w 3019425"/>
                <a:gd name="connsiteY23" fmla="*/ 531019 h 871538"/>
                <a:gd name="connsiteX24" fmla="*/ 785813 w 3019425"/>
                <a:gd name="connsiteY24" fmla="*/ 481013 h 871538"/>
                <a:gd name="connsiteX25" fmla="*/ 1157288 w 3019425"/>
                <a:gd name="connsiteY25" fmla="*/ 481013 h 871538"/>
                <a:gd name="connsiteX26" fmla="*/ 1157288 w 3019425"/>
                <a:gd name="connsiteY26" fmla="*/ 416719 h 871538"/>
                <a:gd name="connsiteX27" fmla="*/ 1169194 w 3019425"/>
                <a:gd name="connsiteY27" fmla="*/ 416719 h 871538"/>
                <a:gd name="connsiteX28" fmla="*/ 1169194 w 3019425"/>
                <a:gd name="connsiteY28" fmla="*/ 345281 h 871538"/>
                <a:gd name="connsiteX29" fmla="*/ 1514475 w 3019425"/>
                <a:gd name="connsiteY29" fmla="*/ 345281 h 871538"/>
                <a:gd name="connsiteX30" fmla="*/ 1514475 w 3019425"/>
                <a:gd name="connsiteY30" fmla="*/ 252413 h 871538"/>
                <a:gd name="connsiteX31" fmla="*/ 1795463 w 3019425"/>
                <a:gd name="connsiteY31" fmla="*/ 252413 h 871538"/>
                <a:gd name="connsiteX32" fmla="*/ 1795463 w 3019425"/>
                <a:gd name="connsiteY32" fmla="*/ 130969 h 871538"/>
                <a:gd name="connsiteX33" fmla="*/ 1816894 w 3019425"/>
                <a:gd name="connsiteY33" fmla="*/ 130969 h 871538"/>
                <a:gd name="connsiteX34" fmla="*/ 1816894 w 3019425"/>
                <a:gd name="connsiteY34" fmla="*/ 66675 h 871538"/>
                <a:gd name="connsiteX35" fmla="*/ 1828800 w 3019425"/>
                <a:gd name="connsiteY35" fmla="*/ 66675 h 871538"/>
                <a:gd name="connsiteX36" fmla="*/ 1828800 w 3019425"/>
                <a:gd name="connsiteY36" fmla="*/ 0 h 871538"/>
                <a:gd name="connsiteX37" fmla="*/ 3019425 w 3019425"/>
                <a:gd name="connsiteY37" fmla="*/ 0 h 87153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3019425" h="871538">
                  <a:moveTo>
                    <a:pt x="0" y="871538"/>
                  </a:moveTo>
                  <a:lnTo>
                    <a:pt x="88106" y="871538"/>
                  </a:lnTo>
                  <a:lnTo>
                    <a:pt x="88106" y="854869"/>
                  </a:lnTo>
                  <a:lnTo>
                    <a:pt x="92869" y="854869"/>
                  </a:lnTo>
                  <a:lnTo>
                    <a:pt x="92869" y="835819"/>
                  </a:lnTo>
                  <a:lnTo>
                    <a:pt x="107156" y="835819"/>
                  </a:lnTo>
                  <a:lnTo>
                    <a:pt x="107156" y="804863"/>
                  </a:lnTo>
                  <a:lnTo>
                    <a:pt x="321469" y="804863"/>
                  </a:lnTo>
                  <a:lnTo>
                    <a:pt x="321469" y="771525"/>
                  </a:lnTo>
                  <a:lnTo>
                    <a:pt x="328613" y="771525"/>
                  </a:lnTo>
                  <a:lnTo>
                    <a:pt x="328613" y="764381"/>
                  </a:lnTo>
                  <a:lnTo>
                    <a:pt x="342900" y="764381"/>
                  </a:lnTo>
                  <a:lnTo>
                    <a:pt x="342900" y="723900"/>
                  </a:lnTo>
                  <a:lnTo>
                    <a:pt x="433388" y="723900"/>
                  </a:lnTo>
                  <a:lnTo>
                    <a:pt x="433388" y="683419"/>
                  </a:lnTo>
                  <a:lnTo>
                    <a:pt x="652463" y="683419"/>
                  </a:lnTo>
                  <a:lnTo>
                    <a:pt x="652463" y="657225"/>
                  </a:lnTo>
                  <a:lnTo>
                    <a:pt x="659606" y="657225"/>
                  </a:lnTo>
                  <a:lnTo>
                    <a:pt x="659606" y="631031"/>
                  </a:lnTo>
                  <a:lnTo>
                    <a:pt x="669131" y="631031"/>
                  </a:lnTo>
                  <a:lnTo>
                    <a:pt x="669131" y="583406"/>
                  </a:lnTo>
                  <a:lnTo>
                    <a:pt x="752475" y="583406"/>
                  </a:lnTo>
                  <a:lnTo>
                    <a:pt x="752475" y="531019"/>
                  </a:lnTo>
                  <a:lnTo>
                    <a:pt x="785813" y="531019"/>
                  </a:lnTo>
                  <a:lnTo>
                    <a:pt x="785813" y="481013"/>
                  </a:lnTo>
                  <a:lnTo>
                    <a:pt x="1157288" y="481013"/>
                  </a:lnTo>
                  <a:lnTo>
                    <a:pt x="1157288" y="416719"/>
                  </a:lnTo>
                  <a:lnTo>
                    <a:pt x="1169194" y="416719"/>
                  </a:lnTo>
                  <a:lnTo>
                    <a:pt x="1169194" y="345281"/>
                  </a:lnTo>
                  <a:lnTo>
                    <a:pt x="1514475" y="345281"/>
                  </a:lnTo>
                  <a:lnTo>
                    <a:pt x="1514475" y="252413"/>
                  </a:lnTo>
                  <a:lnTo>
                    <a:pt x="1795463" y="252413"/>
                  </a:lnTo>
                  <a:lnTo>
                    <a:pt x="1795463" y="130969"/>
                  </a:lnTo>
                  <a:lnTo>
                    <a:pt x="1816894" y="130969"/>
                  </a:lnTo>
                  <a:lnTo>
                    <a:pt x="1816894" y="66675"/>
                  </a:lnTo>
                  <a:lnTo>
                    <a:pt x="1828800" y="66675"/>
                  </a:lnTo>
                  <a:lnTo>
                    <a:pt x="1828800" y="0"/>
                  </a:lnTo>
                  <a:lnTo>
                    <a:pt x="3019425" y="0"/>
                  </a:lnTo>
                </a:path>
              </a:pathLst>
            </a:custGeom>
            <a:noFill/>
            <a:ln w="28575" algn="ctr">
              <a:solidFill>
                <a:srgbClr val="128672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1219215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  <a:sym typeface="Helvetica Light"/>
              </a:endParaRPr>
            </a:p>
          </p:txBody>
        </p:sp>
      </p:grpSp>
      <p:sp>
        <p:nvSpPr>
          <p:cNvPr id="11" name="TextBox 10">
            <a:extLst>
              <a:ext uri="{FF2B5EF4-FFF2-40B4-BE49-F238E27FC236}">
                <a16:creationId xmlns="" xmlns:a16="http://schemas.microsoft.com/office/drawing/2014/main" id="{831CC17D-6329-4165-B13E-809C84B49C81}"/>
              </a:ext>
            </a:extLst>
          </p:cNvPr>
          <p:cNvSpPr txBox="1"/>
          <p:nvPr/>
        </p:nvSpPr>
        <p:spPr>
          <a:xfrm>
            <a:off x="9838715" y="2260688"/>
            <a:ext cx="1360577" cy="51867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none" spc="0" normalizeH="0" baseline="0" noProof="0">
                <a:ln>
                  <a:noFill/>
                </a:ln>
                <a:solidFill>
                  <a:srgbClr val="128672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</a:rPr>
              <a:t>иДПП-4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="" xmlns:a16="http://schemas.microsoft.com/office/drawing/2014/main" id="{4D7AFAB2-391A-4FBA-A2D5-3DDE151A86D4}"/>
              </a:ext>
            </a:extLst>
          </p:cNvPr>
          <p:cNvSpPr txBox="1"/>
          <p:nvPr/>
        </p:nvSpPr>
        <p:spPr>
          <a:xfrm>
            <a:off x="8527718" y="4446396"/>
            <a:ext cx="2671574" cy="51867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none" spc="0" normalizeH="0" baseline="0" noProof="0">
                <a:ln>
                  <a:noFill/>
                </a:ln>
                <a:solidFill>
                  <a:srgbClr val="EF820D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</a:rPr>
              <a:t>Эмпаглифлозин</a:t>
            </a:r>
          </a:p>
        </p:txBody>
      </p:sp>
      <p:sp>
        <p:nvSpPr>
          <p:cNvPr id="13" name="Footer Placeholder 2">
            <a:extLst>
              <a:ext uri="{FF2B5EF4-FFF2-40B4-BE49-F238E27FC236}">
                <a16:creationId xmlns="" xmlns:a16="http://schemas.microsoft.com/office/drawing/2014/main" id="{67E980E9-EAD4-443C-9101-50BBA4797F57}"/>
              </a:ext>
            </a:extLst>
          </p:cNvPr>
          <p:cNvSpPr txBox="1">
            <a:spLocks/>
          </p:cNvSpPr>
          <p:nvPr/>
        </p:nvSpPr>
        <p:spPr>
          <a:xfrm>
            <a:off x="593456" y="6372358"/>
            <a:ext cx="11268000" cy="396000"/>
          </a:xfrm>
          <a:prstGeom prst="rect">
            <a:avLst/>
          </a:prstGeom>
        </p:spPr>
        <p:txBody>
          <a:bodyPr vert="horz" lIns="91440" tIns="45720" rIns="91440" bIns="4572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200" b="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200" b="0" i="0" u="none" strike="noStrike" kern="1200" cap="none" spc="0" normalizeH="0" baseline="0" noProof="0">
                <a:ln>
                  <a:noFill/>
                </a:ln>
                <a:solidFill>
                  <a:srgbClr val="981A2F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  <a:hlinkClick r:id="rId3" tooltip="Circulation."/>
              </a:rPr>
              <a:t>Patorno E et al.  Circulation.</a:t>
            </a:r>
            <a:r>
              <a:rPr kumimoji="0" lang="fr-FR" sz="1200" b="0" i="0" u="none" strike="noStrike" kern="1200" cap="none" spc="0" normalizeH="0" baseline="0" noProof="0">
                <a:ln>
                  <a:noFill/>
                </a:ln>
                <a:solidFill>
                  <a:srgbClr val="981A2F"/>
                </a:solidFill>
                <a:effectLst/>
                <a:uLnTx/>
                <a:uFillTx/>
                <a:latin typeface="Calibri" panose="020F0502020204030204"/>
                <a:ea typeface="+mn-ea"/>
                <a:cs typeface="Arial"/>
              </a:rPr>
              <a:t> 2019 Jun 18;139(25):2822-2830. doi: 10.1161/CIRCULATIONAHA.118.039177. Epub 2019 Apr 8.</a:t>
            </a:r>
            <a:endParaRPr kumimoji="0" lang="en-CA" sz="1400" b="0" i="0" u="none" strike="noStrike" kern="1200" cap="none" spc="0" normalizeH="0" baseline="0" noProof="0">
              <a:ln>
                <a:noFill/>
              </a:ln>
              <a:solidFill>
                <a:srgbClr val="981A2F"/>
              </a:solidFill>
              <a:effectLst/>
              <a:uLnTx/>
              <a:uFillTx/>
              <a:latin typeface="Calibri" panose="020F0502020204030204"/>
              <a:ea typeface="+mn-ea"/>
              <a:cs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CA" sz="1200" b="0" i="0" u="none" strike="noStrike" kern="1200" cap="none" spc="0" normalizeH="0" baseline="0" noProof="0" dirty="0">
              <a:ln>
                <a:noFill/>
              </a:ln>
              <a:solidFill>
                <a:srgbClr val="981A2F"/>
              </a:solidFill>
              <a:effectLst/>
              <a:uLnTx/>
              <a:uFillTx/>
              <a:latin typeface="Calibri" panose="020F0502020204030204"/>
              <a:ea typeface="+mn-ea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27256310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="" xmlns:a16="http://schemas.microsoft.com/office/drawing/2014/main" id="{4B4DD7BF-C4B8-4632-8EE4-320BF56B54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ru-RU"/>
          </a:p>
        </p:txBody>
      </p:sp>
      <p:pic>
        <p:nvPicPr>
          <p:cNvPr id="4" name="Объект 3">
            <a:extLst>
              <a:ext uri="{FF2B5EF4-FFF2-40B4-BE49-F238E27FC236}">
                <a16:creationId xmlns="" xmlns:a16="http://schemas.microsoft.com/office/drawing/2014/main" id="{0AC51033-9DBF-4A3F-A555-4A08EFDD5B6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0" y="-7153"/>
            <a:ext cx="11988838" cy="66463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402709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="" xmlns:a16="http://schemas.microsoft.com/office/drawing/2014/main" id="{DC145159-4B96-4E1A-95C9-F5B9755C8C42}"/>
              </a:ext>
            </a:extLst>
          </p:cNvPr>
          <p:cNvSpPr txBox="1">
            <a:spLocks/>
          </p:cNvSpPr>
          <p:nvPr/>
        </p:nvSpPr>
        <p:spPr>
          <a:xfrm>
            <a:off x="612648" y="62860"/>
            <a:ext cx="10671048" cy="1024128"/>
          </a:xfrm>
          <a:prstGeom prst="rect">
            <a:avLst/>
          </a:prstGeom>
        </p:spPr>
        <p:txBody>
          <a:bodyPr vert="horz" lIns="91440" tIns="45720" rIns="91440" bIns="45720" rtlCol="0" anchor="b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200" b="1" kern="1200">
                <a:solidFill>
                  <a:schemeClr val="accent1"/>
                </a:solidFill>
                <a:latin typeface="Century Gothic" panose="020B0502020202020204" pitchFamily="34" charset="0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2400" b="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История использования ингибиторов SGLT2 </a:t>
            </a:r>
            <a:r>
              <a:rPr lang="en-US" sz="2400" b="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/>
            </a:r>
            <a:br>
              <a:rPr lang="en-US" sz="2400" b="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</a:br>
            <a:r>
              <a:rPr lang="ru-RU" sz="2400" b="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при сердечной недостаточности</a:t>
            </a:r>
            <a:endParaRPr lang="en-GB" sz="2400" b="0" dirty="0">
              <a:solidFill>
                <a:srgbClr val="002060"/>
              </a:solidFill>
              <a:latin typeface="Verdana" panose="020B0604030504040204" pitchFamily="34" charset="0"/>
              <a:ea typeface="Verdana" panose="020B0604030504040204" pitchFamily="34" charset="0"/>
              <a:cs typeface="Arial"/>
            </a:endParaRPr>
          </a:p>
        </p:txBody>
      </p:sp>
      <p:sp>
        <p:nvSpPr>
          <p:cNvPr id="3" name="Footer Placeholder 3">
            <a:extLst>
              <a:ext uri="{FF2B5EF4-FFF2-40B4-BE49-F238E27FC236}">
                <a16:creationId xmlns="" xmlns:a16="http://schemas.microsoft.com/office/drawing/2014/main" id="{9E10B5E2-0EB2-41BC-A3F2-7A2DEE6E9E50}"/>
              </a:ext>
            </a:extLst>
          </p:cNvPr>
          <p:cNvSpPr txBox="1">
            <a:spLocks/>
          </p:cNvSpPr>
          <p:nvPr/>
        </p:nvSpPr>
        <p:spPr>
          <a:xfrm>
            <a:off x="612648" y="6415923"/>
            <a:ext cx="10940361" cy="33645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9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>
                <a:solidFill>
                  <a:srgbClr val="515151"/>
                </a:solidFill>
                <a:latin typeface="Century Gothic"/>
                <a:ea typeface="Century Gothic"/>
                <a:cs typeface="Century Gothic"/>
              </a:rPr>
              <a:t>SGLT2 — натрий-глюкозный котранспортер 2 типа</a:t>
            </a:r>
          </a:p>
          <a:p>
            <a:r>
              <a:rPr lang="ru-RU">
                <a:solidFill>
                  <a:srgbClr val="515151"/>
                </a:solidFill>
                <a:latin typeface="Century Gothic"/>
                <a:ea typeface="Century Gothic"/>
                <a:cs typeface="Century Gothic"/>
              </a:rPr>
              <a:t>По материалам Bhatt DL </a:t>
            </a:r>
            <a:r>
              <a:rPr lang="ru-RU" i="1">
                <a:solidFill>
                  <a:srgbClr val="515151"/>
                </a:solidFill>
                <a:latin typeface="Century Gothic"/>
                <a:ea typeface="Century Gothic"/>
                <a:cs typeface="Century Gothic"/>
              </a:rPr>
              <a:t>et al. Cell Metab</a:t>
            </a:r>
            <a:r>
              <a:rPr lang="ru-RU">
                <a:solidFill>
                  <a:srgbClr val="515151"/>
                </a:solidFill>
                <a:latin typeface="Century Gothic"/>
                <a:ea typeface="Century Gothic"/>
                <a:cs typeface="Century Gothic"/>
              </a:rPr>
              <a:t>. 2019;30:847</a:t>
            </a:r>
          </a:p>
        </p:txBody>
      </p:sp>
      <p:grpSp>
        <p:nvGrpSpPr>
          <p:cNvPr id="4" name="Group 43">
            <a:extLst>
              <a:ext uri="{FF2B5EF4-FFF2-40B4-BE49-F238E27FC236}">
                <a16:creationId xmlns="" xmlns:a16="http://schemas.microsoft.com/office/drawing/2014/main" id="{10D21144-5CB7-4538-A255-CA8C6CF50783}"/>
              </a:ext>
            </a:extLst>
          </p:cNvPr>
          <p:cNvGrpSpPr/>
          <p:nvPr/>
        </p:nvGrpSpPr>
        <p:grpSpPr>
          <a:xfrm>
            <a:off x="429669" y="1774914"/>
            <a:ext cx="11073116" cy="3644547"/>
            <a:chOff x="442506" y="2326071"/>
            <a:chExt cx="11073116" cy="3644547"/>
          </a:xfrm>
        </p:grpSpPr>
        <p:sp>
          <p:nvSpPr>
            <p:cNvPr id="5" name="Content Placeholder 10">
              <a:extLst>
                <a:ext uri="{FF2B5EF4-FFF2-40B4-BE49-F238E27FC236}">
                  <a16:creationId xmlns="" xmlns:a16="http://schemas.microsoft.com/office/drawing/2014/main" id="{85AAAC16-5551-476D-A1BC-1B38155F1B4D}"/>
                </a:ext>
              </a:extLst>
            </p:cNvPr>
            <p:cNvSpPr txBox="1"/>
            <p:nvPr/>
          </p:nvSpPr>
          <p:spPr>
            <a:xfrm>
              <a:off x="442506" y="3586338"/>
              <a:ext cx="1935122" cy="644859"/>
            </a:xfrm>
            <a:prstGeom prst="rect">
              <a:avLst/>
            </a:prstGeom>
            <a:noFill/>
          </p:spPr>
          <p:txBody>
            <a:bodyPr vert="horz" lIns="0" tIns="0" rIns="0" bIns="0" rtlCol="0" anchor="t" anchorCtr="0">
              <a:noAutofit/>
            </a:bodyPr>
            <a:lstStyle>
              <a:lvl1pPr marL="237061" indent="-237061" algn="l" defTabSz="609585" rtl="0" eaLnBrk="1" latinLnBrk="0" hangingPunct="1">
                <a:spcBef>
                  <a:spcPts val="800"/>
                </a:spcBef>
                <a:buClr>
                  <a:schemeClr val="accent1"/>
                </a:buClr>
                <a:buFont typeface="Arial"/>
                <a:buChar char="•"/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1pPr>
              <a:lvl2pPr marL="601118" indent="-364058" algn="l" defTabSz="482588" rtl="0" eaLnBrk="1" latinLnBrk="0" hangingPunct="1">
                <a:spcBef>
                  <a:spcPts val="533"/>
                </a:spcBef>
                <a:buClr>
                  <a:schemeClr val="accent1"/>
                </a:buClr>
                <a:buFont typeface="Arial"/>
                <a:buChar char="–"/>
                <a:tabLst>
                  <a:tab pos="601118" algn="l"/>
                </a:tabLst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2pPr>
              <a:lvl3pPr marL="838179" indent="-23706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•"/>
                <a:tabLst>
                  <a:tab pos="838179" algn="l"/>
                </a:tabLst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3pPr>
              <a:lvl4pPr marL="1193770" indent="-35559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–"/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4pPr>
              <a:lvl5pPr marL="1439297" indent="-245527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»"/>
                <a:tabLst>
                  <a:tab pos="1794888" algn="l"/>
                </a:tabLst>
                <a:defRPr sz="1867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5pPr>
              <a:lvl6pPr marL="335271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962301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57188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5181470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609585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>
                  <a:srgbClr val="498BC9"/>
                </a:buClr>
                <a:buSzTx/>
                <a:buFont typeface="Arial"/>
                <a:buNone/>
                <a:tabLst/>
                <a:defRPr/>
              </a:pPr>
              <a:r>
                <a:rPr kumimoji="0" lang="ru-RU" sz="1400" b="1" i="0" u="none" strike="noStrike" kern="1200" cap="none" spc="0" normalizeH="0" baseline="0" noProof="0" dirty="0">
                  <a:ln>
                    <a:noFill/>
                  </a:ln>
                  <a:solidFill>
                    <a:srgbClr val="498BC9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Нормальная функция желудочков</a:t>
              </a:r>
            </a:p>
          </p:txBody>
        </p:sp>
        <p:sp>
          <p:nvSpPr>
            <p:cNvPr id="6" name="Content Placeholder 10">
              <a:extLst>
                <a:ext uri="{FF2B5EF4-FFF2-40B4-BE49-F238E27FC236}">
                  <a16:creationId xmlns="" xmlns:a16="http://schemas.microsoft.com/office/drawing/2014/main" id="{66AF9C02-5915-41B1-994B-3EE8BCF57F87}"/>
                </a:ext>
              </a:extLst>
            </p:cNvPr>
            <p:cNvSpPr txBox="1"/>
            <p:nvPr/>
          </p:nvSpPr>
          <p:spPr>
            <a:xfrm>
              <a:off x="9892091" y="3586338"/>
              <a:ext cx="1623531" cy="86177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t" anchorCtr="0">
              <a:spAutoFit/>
            </a:bodyPr>
            <a:lstStyle>
              <a:lvl1pPr marL="237061" indent="-237061" algn="l" defTabSz="609585" rtl="0" eaLnBrk="1" latinLnBrk="0" hangingPunct="1">
                <a:spcBef>
                  <a:spcPts val="800"/>
                </a:spcBef>
                <a:buClr>
                  <a:schemeClr val="accent1"/>
                </a:buClr>
                <a:buFont typeface="Arial"/>
                <a:buChar char="•"/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1pPr>
              <a:lvl2pPr marL="601118" indent="-364058" algn="l" defTabSz="482588" rtl="0" eaLnBrk="1" latinLnBrk="0" hangingPunct="1">
                <a:spcBef>
                  <a:spcPts val="533"/>
                </a:spcBef>
                <a:buClr>
                  <a:schemeClr val="accent1"/>
                </a:buClr>
                <a:buFont typeface="Arial"/>
                <a:buChar char="–"/>
                <a:tabLst>
                  <a:tab pos="601118" algn="l"/>
                </a:tabLst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2pPr>
              <a:lvl3pPr marL="838179" indent="-23706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•"/>
                <a:tabLst>
                  <a:tab pos="838179" algn="l"/>
                </a:tabLst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3pPr>
              <a:lvl4pPr marL="1193770" indent="-35559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–"/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4pPr>
              <a:lvl5pPr marL="1439297" indent="-245527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»"/>
                <a:tabLst>
                  <a:tab pos="1794888" algn="l"/>
                </a:tabLst>
                <a:defRPr sz="1867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5pPr>
              <a:lvl6pPr marL="335271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962301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57188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5181470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609585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>
                  <a:srgbClr val="498BC9"/>
                </a:buClr>
                <a:buSzTx/>
                <a:buFont typeface="Arial"/>
                <a:buNone/>
                <a:tabLst/>
                <a:defRPr/>
              </a:pPr>
              <a:r>
                <a:rPr kumimoji="0" lang="ru-RU" sz="1400" b="1" i="0" u="none" strike="noStrike" kern="1200" cap="none" spc="0" normalizeH="0" baseline="0" noProof="0" dirty="0">
                  <a:ln>
                    <a:noFill/>
                  </a:ln>
                  <a:solidFill>
                    <a:srgbClr val="498BC9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Терминальная стадия сердечной недостаточности</a:t>
              </a:r>
            </a:p>
          </p:txBody>
        </p:sp>
        <p:grpSp>
          <p:nvGrpSpPr>
            <p:cNvPr id="7" name="Group 6">
              <a:extLst>
                <a:ext uri="{FF2B5EF4-FFF2-40B4-BE49-F238E27FC236}">
                  <a16:creationId xmlns="" xmlns:a16="http://schemas.microsoft.com/office/drawing/2014/main" id="{73545907-A70C-49BD-B85B-4F94C120D0E1}"/>
                </a:ext>
              </a:extLst>
            </p:cNvPr>
            <p:cNvGrpSpPr/>
            <p:nvPr/>
          </p:nvGrpSpPr>
          <p:grpSpPr>
            <a:xfrm>
              <a:off x="2450995" y="2468965"/>
              <a:ext cx="7269781" cy="792623"/>
              <a:chOff x="2264230" y="2989687"/>
              <a:chExt cx="7663542" cy="835554"/>
            </a:xfrm>
          </p:grpSpPr>
          <p:sp>
            <p:nvSpPr>
              <p:cNvPr id="40" name="Arrow: Chevron 7">
                <a:extLst>
                  <a:ext uri="{FF2B5EF4-FFF2-40B4-BE49-F238E27FC236}">
                    <a16:creationId xmlns="" xmlns:a16="http://schemas.microsoft.com/office/drawing/2014/main" id="{B9796747-F856-4089-9011-FE4F8E0722AB}"/>
                  </a:ext>
                </a:extLst>
              </p:cNvPr>
              <p:cNvSpPr/>
              <p:nvPr/>
            </p:nvSpPr>
            <p:spPr>
              <a:xfrm>
                <a:off x="2264230" y="2989687"/>
                <a:ext cx="2664389" cy="835554"/>
              </a:xfrm>
              <a:prstGeom prst="chevron">
                <a:avLst>
                  <a:gd name="adj" fmla="val 34358"/>
                </a:avLst>
              </a:prstGeom>
              <a:solidFill>
                <a:srgbClr val="498BC9"/>
              </a:solidFill>
              <a:ln w="635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ru-RU" sz="12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/>
                    <a:ea typeface="Century Gothic"/>
                    <a:cs typeface="Century Gothic"/>
                  </a:rPr>
                  <a:t>Доклиническая (субклиническая) стадия заболевания</a:t>
                </a:r>
              </a:p>
            </p:txBody>
          </p:sp>
          <p:sp>
            <p:nvSpPr>
              <p:cNvPr id="41" name="Arrow: Chevron 8">
                <a:extLst>
                  <a:ext uri="{FF2B5EF4-FFF2-40B4-BE49-F238E27FC236}">
                    <a16:creationId xmlns="" xmlns:a16="http://schemas.microsoft.com/office/drawing/2014/main" id="{A28C32CB-C151-420C-B361-A42B5E48D0AA}"/>
                  </a:ext>
                </a:extLst>
              </p:cNvPr>
              <p:cNvSpPr/>
              <p:nvPr/>
            </p:nvSpPr>
            <p:spPr>
              <a:xfrm>
                <a:off x="4763807" y="2989687"/>
                <a:ext cx="2664389" cy="835554"/>
              </a:xfrm>
              <a:prstGeom prst="chevron">
                <a:avLst>
                  <a:gd name="adj" fmla="val 34358"/>
                </a:avLst>
              </a:prstGeom>
              <a:solidFill>
                <a:srgbClr val="8F3089"/>
              </a:solidFill>
              <a:ln w="635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ru-RU" sz="12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/>
                    <a:ea typeface="Century Gothic"/>
                    <a:cs typeface="Century Gothic"/>
                  </a:rPr>
                  <a:t>Клиническая стадия</a:t>
                </a:r>
                <a:r>
                  <a:rPr kumimoji="0" sz="12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 panose="020F0302020204030204"/>
                    <a:cs typeface="Arial"/>
                  </a:rPr>
                  <a:t/>
                </a:r>
                <a:br>
                  <a:rPr kumimoji="0" sz="1200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 panose="020F0302020204030204"/>
                    <a:cs typeface="Arial"/>
                  </a:rPr>
                </a:br>
                <a:r>
                  <a:rPr kumimoji="0" lang="ru-RU" sz="12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/>
                    <a:ea typeface="Century Gothic"/>
                    <a:cs typeface="Century Gothic"/>
                  </a:rPr>
                  <a:t>заболевания</a:t>
                </a:r>
              </a:p>
            </p:txBody>
          </p:sp>
          <p:sp>
            <p:nvSpPr>
              <p:cNvPr id="42" name="Arrow: Chevron 9">
                <a:extLst>
                  <a:ext uri="{FF2B5EF4-FFF2-40B4-BE49-F238E27FC236}">
                    <a16:creationId xmlns="" xmlns:a16="http://schemas.microsoft.com/office/drawing/2014/main" id="{9F20A413-3A0D-494B-965F-B226B218978A}"/>
                  </a:ext>
                </a:extLst>
              </p:cNvPr>
              <p:cNvSpPr/>
              <p:nvPr/>
            </p:nvSpPr>
            <p:spPr>
              <a:xfrm>
                <a:off x="7263383" y="2989687"/>
                <a:ext cx="2664389" cy="835554"/>
              </a:xfrm>
              <a:prstGeom prst="chevron">
                <a:avLst>
                  <a:gd name="adj" fmla="val 34358"/>
                </a:avLst>
              </a:prstGeom>
              <a:solidFill>
                <a:srgbClr val="EE245C"/>
              </a:solidFill>
              <a:ln w="635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ru" sz="1200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Century Gothic" panose="020F0302020204030204"/>
                    <a:ea typeface="Century Gothic"/>
                    <a:cs typeface="Century Gothic"/>
                  </a:rPr>
                  <a:t>Структурные изменения сердца</a:t>
                </a:r>
              </a:p>
            </p:txBody>
          </p:sp>
        </p:grpSp>
        <p:cxnSp>
          <p:nvCxnSpPr>
            <p:cNvPr id="8" name="Straight Arrow Connector 10">
              <a:extLst>
                <a:ext uri="{FF2B5EF4-FFF2-40B4-BE49-F238E27FC236}">
                  <a16:creationId xmlns="" xmlns:a16="http://schemas.microsoft.com/office/drawing/2014/main" id="{54952C81-3FD7-4BF1-87AF-268F98A1B7CE}"/>
                </a:ext>
              </a:extLst>
            </p:cNvPr>
            <p:cNvCxnSpPr/>
            <p:nvPr/>
          </p:nvCxnSpPr>
          <p:spPr>
            <a:xfrm>
              <a:off x="2450995" y="2326071"/>
              <a:ext cx="6945532" cy="0"/>
            </a:xfrm>
            <a:prstGeom prst="straightConnector1">
              <a:avLst/>
            </a:prstGeom>
            <a:noFill/>
            <a:ln w="12700" cap="flat" cmpd="sng" algn="ctr">
              <a:solidFill>
                <a:srgbClr val="515151"/>
              </a:solidFill>
              <a:prstDash val="solid"/>
              <a:miter lim="800000"/>
              <a:tailEnd type="triangle"/>
            </a:ln>
            <a:effectLst/>
          </p:spPr>
        </p:cxnSp>
        <p:grpSp>
          <p:nvGrpSpPr>
            <p:cNvPr id="9" name="Group 13">
              <a:extLst>
                <a:ext uri="{FF2B5EF4-FFF2-40B4-BE49-F238E27FC236}">
                  <a16:creationId xmlns="" xmlns:a16="http://schemas.microsoft.com/office/drawing/2014/main" id="{745996B2-AD3E-478E-A439-5DAF83518CB9}"/>
                </a:ext>
              </a:extLst>
            </p:cNvPr>
            <p:cNvGrpSpPr/>
            <p:nvPr/>
          </p:nvGrpSpPr>
          <p:grpSpPr>
            <a:xfrm>
              <a:off x="2450995" y="3269906"/>
              <a:ext cx="4683019" cy="181743"/>
              <a:chOff x="2264230" y="4119156"/>
              <a:chExt cx="4936670" cy="293948"/>
            </a:xfrm>
          </p:grpSpPr>
          <p:cxnSp>
            <p:nvCxnSpPr>
              <p:cNvPr id="37" name="Straight Connector 14">
                <a:extLst>
                  <a:ext uri="{FF2B5EF4-FFF2-40B4-BE49-F238E27FC236}">
                    <a16:creationId xmlns="" xmlns:a16="http://schemas.microsoft.com/office/drawing/2014/main" id="{515138D1-0086-43E5-ACC6-5D6BA48DD3FB}"/>
                  </a:ext>
                </a:extLst>
              </p:cNvPr>
              <p:cNvCxnSpPr/>
              <p:nvPr/>
            </p:nvCxnSpPr>
            <p:spPr>
              <a:xfrm rot="5400000" flipH="1">
                <a:off x="2117256" y="4266130"/>
                <a:ext cx="293948" cy="0"/>
              </a:xfrm>
              <a:prstGeom prst="line">
                <a:avLst/>
              </a:prstGeom>
              <a:noFill/>
              <a:ln w="19050" cap="flat" cmpd="sng" algn="ctr">
                <a:solidFill>
                  <a:srgbClr val="FFFFFF">
                    <a:lumMod val="65000"/>
                  </a:srgbClr>
                </a:solidFill>
                <a:prstDash val="solid"/>
                <a:miter lim="800000"/>
                <a:tailEnd type="none"/>
              </a:ln>
              <a:effectLst/>
            </p:spPr>
          </p:cxnSp>
          <p:cxnSp>
            <p:nvCxnSpPr>
              <p:cNvPr id="38" name="Straight Connector 15">
                <a:extLst>
                  <a:ext uri="{FF2B5EF4-FFF2-40B4-BE49-F238E27FC236}">
                    <a16:creationId xmlns="" xmlns:a16="http://schemas.microsoft.com/office/drawing/2014/main" id="{1E09C22E-9EE2-4C4E-8492-294F81450868}"/>
                  </a:ext>
                </a:extLst>
              </p:cNvPr>
              <p:cNvCxnSpPr/>
              <p:nvPr/>
            </p:nvCxnSpPr>
            <p:spPr>
              <a:xfrm rot="5400000" flipH="1">
                <a:off x="4555111" y="4266130"/>
                <a:ext cx="293948" cy="0"/>
              </a:xfrm>
              <a:prstGeom prst="line">
                <a:avLst/>
              </a:prstGeom>
              <a:noFill/>
              <a:ln w="19050" cap="flat" cmpd="sng" algn="ctr">
                <a:solidFill>
                  <a:srgbClr val="FFFFFF">
                    <a:lumMod val="65000"/>
                  </a:srgbClr>
                </a:solidFill>
                <a:prstDash val="solid"/>
                <a:miter lim="800000"/>
                <a:tailEnd type="none"/>
              </a:ln>
              <a:effectLst/>
            </p:spPr>
          </p:cxnSp>
          <p:cxnSp>
            <p:nvCxnSpPr>
              <p:cNvPr id="39" name="Straight Connector 16">
                <a:extLst>
                  <a:ext uri="{FF2B5EF4-FFF2-40B4-BE49-F238E27FC236}">
                    <a16:creationId xmlns="" xmlns:a16="http://schemas.microsoft.com/office/drawing/2014/main" id="{776EBCD6-4A82-49C4-8081-31B0CA47F718}"/>
                  </a:ext>
                </a:extLst>
              </p:cNvPr>
              <p:cNvCxnSpPr/>
              <p:nvPr/>
            </p:nvCxnSpPr>
            <p:spPr>
              <a:xfrm rot="5400000" flipH="1">
                <a:off x="7053926" y="4266130"/>
                <a:ext cx="293948" cy="0"/>
              </a:xfrm>
              <a:prstGeom prst="line">
                <a:avLst/>
              </a:prstGeom>
              <a:noFill/>
              <a:ln w="19050" cap="flat" cmpd="sng" algn="ctr">
                <a:solidFill>
                  <a:srgbClr val="FFFFFF">
                    <a:lumMod val="65000"/>
                  </a:srgbClr>
                </a:solidFill>
                <a:prstDash val="solid"/>
                <a:miter lim="800000"/>
                <a:tailEnd type="none"/>
              </a:ln>
              <a:effectLst/>
            </p:spPr>
          </p:cxnSp>
        </p:grpSp>
        <p:sp>
          <p:nvSpPr>
            <p:cNvPr id="10" name="Content Placeholder 10">
              <a:extLst>
                <a:ext uri="{FF2B5EF4-FFF2-40B4-BE49-F238E27FC236}">
                  <a16:creationId xmlns="" xmlns:a16="http://schemas.microsoft.com/office/drawing/2014/main" id="{45B3BEFB-2588-41ED-B923-CE386375EA34}"/>
                </a:ext>
              </a:extLst>
            </p:cNvPr>
            <p:cNvSpPr txBox="1"/>
            <p:nvPr/>
          </p:nvSpPr>
          <p:spPr>
            <a:xfrm>
              <a:off x="2301706" y="3454067"/>
              <a:ext cx="747113" cy="317699"/>
            </a:xfrm>
            <a:prstGeom prst="rect">
              <a:avLst/>
            </a:prstGeom>
            <a:noFill/>
          </p:spPr>
          <p:txBody>
            <a:bodyPr vert="horz" lIns="0" tIns="0" rIns="0" bIns="0" rtlCol="0" anchor="ctr" anchorCtr="0">
              <a:noAutofit/>
            </a:bodyPr>
            <a:lstStyle>
              <a:lvl1pPr marL="237061" indent="-237061" algn="l" defTabSz="609585" rtl="0" eaLnBrk="1" latinLnBrk="0" hangingPunct="1">
                <a:spcBef>
                  <a:spcPts val="800"/>
                </a:spcBef>
                <a:buClr>
                  <a:schemeClr val="accent1"/>
                </a:buClr>
                <a:buFont typeface="Arial"/>
                <a:buChar char="•"/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1pPr>
              <a:lvl2pPr marL="601118" indent="-364058" algn="l" defTabSz="482588" rtl="0" eaLnBrk="1" latinLnBrk="0" hangingPunct="1">
                <a:spcBef>
                  <a:spcPts val="533"/>
                </a:spcBef>
                <a:buClr>
                  <a:schemeClr val="accent1"/>
                </a:buClr>
                <a:buFont typeface="Arial"/>
                <a:buChar char="–"/>
                <a:tabLst>
                  <a:tab pos="601118" algn="l"/>
                </a:tabLst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2pPr>
              <a:lvl3pPr marL="838179" indent="-23706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•"/>
                <a:tabLst>
                  <a:tab pos="838179" algn="l"/>
                </a:tabLst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3pPr>
              <a:lvl4pPr marL="1193770" indent="-35559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–"/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4pPr>
              <a:lvl5pPr marL="1439297" indent="-245527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»"/>
                <a:tabLst>
                  <a:tab pos="1794888" algn="l"/>
                </a:tabLst>
                <a:defRPr sz="1867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5pPr>
              <a:lvl6pPr marL="335271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962301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57188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5181470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609585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>
                  <a:srgbClr val="498BC9"/>
                </a:buClr>
                <a:buSzTx/>
                <a:buFont typeface="Arial"/>
                <a:buNone/>
                <a:tabLst/>
                <a:defRPr/>
              </a:pPr>
              <a:r>
                <a:rPr kumimoji="0" lang="ru-RU" sz="1200" b="1" i="0" u="none" strike="noStrike" kern="1200" cap="none" spc="0" normalizeH="0" baseline="0" noProof="0">
                  <a:ln>
                    <a:noFill/>
                  </a:ln>
                  <a:solidFill>
                    <a:srgbClr val="515151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0 лет</a:t>
              </a:r>
            </a:p>
          </p:txBody>
        </p:sp>
        <p:sp>
          <p:nvSpPr>
            <p:cNvPr id="11" name="Content Placeholder 10">
              <a:extLst>
                <a:ext uri="{FF2B5EF4-FFF2-40B4-BE49-F238E27FC236}">
                  <a16:creationId xmlns="" xmlns:a16="http://schemas.microsoft.com/office/drawing/2014/main" id="{B75AC612-F47F-4C14-AD54-2C1EC6A7BC48}"/>
                </a:ext>
              </a:extLst>
            </p:cNvPr>
            <p:cNvSpPr txBox="1"/>
            <p:nvPr/>
          </p:nvSpPr>
          <p:spPr>
            <a:xfrm>
              <a:off x="4390034" y="3454067"/>
              <a:ext cx="747113" cy="317699"/>
            </a:xfrm>
            <a:prstGeom prst="rect">
              <a:avLst/>
            </a:prstGeom>
            <a:noFill/>
          </p:spPr>
          <p:txBody>
            <a:bodyPr vert="horz" lIns="0" tIns="0" rIns="0" bIns="0" rtlCol="0" anchor="ctr" anchorCtr="0">
              <a:noAutofit/>
            </a:bodyPr>
            <a:lstStyle>
              <a:lvl1pPr marL="237061" indent="-237061" algn="l" defTabSz="609585" rtl="0" eaLnBrk="1" latinLnBrk="0" hangingPunct="1">
                <a:spcBef>
                  <a:spcPts val="800"/>
                </a:spcBef>
                <a:buClr>
                  <a:schemeClr val="accent1"/>
                </a:buClr>
                <a:buFont typeface="Arial"/>
                <a:buChar char="•"/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1pPr>
              <a:lvl2pPr marL="601118" indent="-364058" algn="l" defTabSz="482588" rtl="0" eaLnBrk="1" latinLnBrk="0" hangingPunct="1">
                <a:spcBef>
                  <a:spcPts val="533"/>
                </a:spcBef>
                <a:buClr>
                  <a:schemeClr val="accent1"/>
                </a:buClr>
                <a:buFont typeface="Arial"/>
                <a:buChar char="–"/>
                <a:tabLst>
                  <a:tab pos="601118" algn="l"/>
                </a:tabLst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2pPr>
              <a:lvl3pPr marL="838179" indent="-23706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•"/>
                <a:tabLst>
                  <a:tab pos="838179" algn="l"/>
                </a:tabLst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3pPr>
              <a:lvl4pPr marL="1193770" indent="-35559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–"/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4pPr>
              <a:lvl5pPr marL="1439297" indent="-245527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»"/>
                <a:tabLst>
                  <a:tab pos="1794888" algn="l"/>
                </a:tabLst>
                <a:defRPr sz="1867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5pPr>
              <a:lvl6pPr marL="335271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962301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57188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5181470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609585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>
                  <a:srgbClr val="498BC9"/>
                </a:buClr>
                <a:buSzTx/>
                <a:buFont typeface="Arial"/>
                <a:buNone/>
                <a:tabLst/>
                <a:defRPr/>
              </a:pPr>
              <a:r>
                <a:rPr kumimoji="0" lang="ru-RU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515151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10 лет</a:t>
              </a:r>
            </a:p>
          </p:txBody>
        </p:sp>
        <p:sp>
          <p:nvSpPr>
            <p:cNvPr id="12" name="Content Placeholder 10">
              <a:extLst>
                <a:ext uri="{FF2B5EF4-FFF2-40B4-BE49-F238E27FC236}">
                  <a16:creationId xmlns="" xmlns:a16="http://schemas.microsoft.com/office/drawing/2014/main" id="{B99293C4-702B-4A98-82F7-4DEB37A2A7A3}"/>
                </a:ext>
              </a:extLst>
            </p:cNvPr>
            <p:cNvSpPr txBox="1"/>
            <p:nvPr/>
          </p:nvSpPr>
          <p:spPr>
            <a:xfrm>
              <a:off x="6595952" y="3454067"/>
              <a:ext cx="1080200" cy="317699"/>
            </a:xfrm>
            <a:prstGeom prst="rect">
              <a:avLst/>
            </a:prstGeom>
            <a:noFill/>
          </p:spPr>
          <p:txBody>
            <a:bodyPr vert="horz" lIns="0" tIns="0" rIns="0" bIns="0" rtlCol="0" anchor="ctr" anchorCtr="0">
              <a:noAutofit/>
            </a:bodyPr>
            <a:lstStyle>
              <a:lvl1pPr marL="237061" indent="-237061" algn="l" defTabSz="609585" rtl="0" eaLnBrk="1" latinLnBrk="0" hangingPunct="1">
                <a:spcBef>
                  <a:spcPts val="800"/>
                </a:spcBef>
                <a:buClr>
                  <a:schemeClr val="accent1"/>
                </a:buClr>
                <a:buFont typeface="Arial"/>
                <a:buChar char="•"/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1pPr>
              <a:lvl2pPr marL="601118" indent="-364058" algn="l" defTabSz="482588" rtl="0" eaLnBrk="1" latinLnBrk="0" hangingPunct="1">
                <a:spcBef>
                  <a:spcPts val="533"/>
                </a:spcBef>
                <a:buClr>
                  <a:schemeClr val="accent1"/>
                </a:buClr>
                <a:buFont typeface="Arial"/>
                <a:buChar char="–"/>
                <a:tabLst>
                  <a:tab pos="601118" algn="l"/>
                </a:tabLst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2pPr>
              <a:lvl3pPr marL="838179" indent="-23706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•"/>
                <a:tabLst>
                  <a:tab pos="838179" algn="l"/>
                </a:tabLst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3pPr>
              <a:lvl4pPr marL="1193770" indent="-35559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–"/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4pPr>
              <a:lvl5pPr marL="1439297" indent="-245527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»"/>
                <a:tabLst>
                  <a:tab pos="1794888" algn="l"/>
                </a:tabLst>
                <a:defRPr sz="1867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5pPr>
              <a:lvl6pPr marL="335271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962301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57188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5181470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609585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>
                  <a:srgbClr val="498BC9"/>
                </a:buClr>
                <a:buSzTx/>
                <a:buFont typeface="Arial"/>
                <a:buNone/>
                <a:tabLst/>
                <a:defRPr/>
              </a:pPr>
              <a:r>
                <a:rPr kumimoji="0" lang="ru-RU" sz="1200" b="1" i="0" u="none" strike="noStrike" kern="1200" cap="none" spc="0" normalizeH="0" baseline="0" noProof="0">
                  <a:ln>
                    <a:noFill/>
                  </a:ln>
                  <a:solidFill>
                    <a:srgbClr val="515151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18–20 лет</a:t>
              </a:r>
            </a:p>
          </p:txBody>
        </p:sp>
        <p:sp>
          <p:nvSpPr>
            <p:cNvPr id="13" name="Rectangle: Rounded Corners 20">
              <a:extLst>
                <a:ext uri="{FF2B5EF4-FFF2-40B4-BE49-F238E27FC236}">
                  <a16:creationId xmlns="" xmlns:a16="http://schemas.microsoft.com/office/drawing/2014/main" id="{03AA7DA0-27FF-463C-A359-A2534A243B34}"/>
                </a:ext>
              </a:extLst>
            </p:cNvPr>
            <p:cNvSpPr/>
            <p:nvPr/>
          </p:nvSpPr>
          <p:spPr>
            <a:xfrm>
              <a:off x="3716937" y="3845625"/>
              <a:ext cx="1980000" cy="294645"/>
            </a:xfrm>
            <a:prstGeom prst="roundRect">
              <a:avLst/>
            </a:prstGeom>
            <a:solidFill>
              <a:srgbClr val="F0F0F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lIns="91440" rtlCol="0" anchor="ctr"/>
            <a:lstStyle/>
            <a:p>
              <a:pPr marL="0" marR="0" lvl="0" indent="0" algn="ctr" defTabSz="121908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0" cap="none" spc="0" normalizeH="0" baseline="0" noProof="0">
                  <a:ln>
                    <a:noFill/>
                  </a:ln>
                  <a:solidFill>
                    <a:srgbClr val="515151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Программа CANVAS</a:t>
              </a:r>
            </a:p>
          </p:txBody>
        </p:sp>
        <p:sp>
          <p:nvSpPr>
            <p:cNvPr id="14" name="Rectangle: Rounded Corners 21">
              <a:extLst>
                <a:ext uri="{FF2B5EF4-FFF2-40B4-BE49-F238E27FC236}">
                  <a16:creationId xmlns="" xmlns:a16="http://schemas.microsoft.com/office/drawing/2014/main" id="{1014F87B-0180-4EF7-A770-2832FC646E37}"/>
                </a:ext>
              </a:extLst>
            </p:cNvPr>
            <p:cNvSpPr/>
            <p:nvPr/>
          </p:nvSpPr>
          <p:spPr>
            <a:xfrm>
              <a:off x="3716937" y="4196935"/>
              <a:ext cx="1980000" cy="294645"/>
            </a:xfrm>
            <a:prstGeom prst="roundRect">
              <a:avLst/>
            </a:prstGeom>
            <a:solidFill>
              <a:srgbClr val="F0F0F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lIns="91440" rtlCol="0" anchor="ctr"/>
            <a:lstStyle/>
            <a:p>
              <a:pPr marL="0" marR="0" lvl="0" indent="0" algn="ctr" defTabSz="121908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0" cap="none" spc="0" normalizeH="0" baseline="0" noProof="0">
                  <a:ln>
                    <a:noFill/>
                  </a:ln>
                  <a:solidFill>
                    <a:srgbClr val="515151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CREDENCE</a:t>
              </a:r>
            </a:p>
          </p:txBody>
        </p:sp>
        <p:sp>
          <p:nvSpPr>
            <p:cNvPr id="15" name="Rectangle: Rounded Corners 22">
              <a:extLst>
                <a:ext uri="{FF2B5EF4-FFF2-40B4-BE49-F238E27FC236}">
                  <a16:creationId xmlns="" xmlns:a16="http://schemas.microsoft.com/office/drawing/2014/main" id="{2E358BC8-2D33-4134-B328-9186BEC5AF85}"/>
                </a:ext>
              </a:extLst>
            </p:cNvPr>
            <p:cNvSpPr/>
            <p:nvPr/>
          </p:nvSpPr>
          <p:spPr>
            <a:xfrm>
              <a:off x="3716937" y="4540987"/>
              <a:ext cx="1980000" cy="294645"/>
            </a:xfrm>
            <a:prstGeom prst="roundRect">
              <a:avLst/>
            </a:prstGeom>
            <a:solidFill>
              <a:srgbClr val="F0F0F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lIns="91440" rtlCol="0" anchor="ctr"/>
            <a:lstStyle/>
            <a:p>
              <a:pPr marL="0" marR="0" lvl="0" indent="0" algn="ctr" defTabSz="121908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0" cap="none" spc="0" normalizeH="0" baseline="0" noProof="0">
                  <a:ln>
                    <a:noFill/>
                  </a:ln>
                  <a:solidFill>
                    <a:srgbClr val="515151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DECLARE-TIMI 58</a:t>
              </a:r>
            </a:p>
          </p:txBody>
        </p:sp>
        <p:sp>
          <p:nvSpPr>
            <p:cNvPr id="16" name="Rectangle: Rounded Corners 23">
              <a:extLst>
                <a:ext uri="{FF2B5EF4-FFF2-40B4-BE49-F238E27FC236}">
                  <a16:creationId xmlns="" xmlns:a16="http://schemas.microsoft.com/office/drawing/2014/main" id="{1681EEFC-F060-498E-B18D-177F755FEEF4}"/>
                </a:ext>
              </a:extLst>
            </p:cNvPr>
            <p:cNvSpPr/>
            <p:nvPr/>
          </p:nvSpPr>
          <p:spPr>
            <a:xfrm>
              <a:off x="3714740" y="4893963"/>
              <a:ext cx="1980000" cy="294645"/>
            </a:xfrm>
            <a:prstGeom prst="roundRect">
              <a:avLst/>
            </a:prstGeom>
            <a:solidFill>
              <a:srgbClr val="F0F0F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lIns="91440" rtlCol="0" anchor="ctr"/>
            <a:lstStyle/>
            <a:p>
              <a:pPr marL="0" marR="0" lvl="0" indent="0" algn="ctr" defTabSz="121908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0" cap="none" spc="0" normalizeH="0" baseline="0" noProof="0">
                  <a:ln>
                    <a:noFill/>
                  </a:ln>
                  <a:solidFill>
                    <a:srgbClr val="515151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EMPA-REG OUTCOME</a:t>
              </a:r>
            </a:p>
          </p:txBody>
        </p:sp>
        <p:grpSp>
          <p:nvGrpSpPr>
            <p:cNvPr id="17" name="Group 24">
              <a:extLst>
                <a:ext uri="{FF2B5EF4-FFF2-40B4-BE49-F238E27FC236}">
                  <a16:creationId xmlns="" xmlns:a16="http://schemas.microsoft.com/office/drawing/2014/main" id="{1F780FEC-24EC-478E-9751-C18501CC7392}"/>
                </a:ext>
              </a:extLst>
            </p:cNvPr>
            <p:cNvGrpSpPr/>
            <p:nvPr/>
          </p:nvGrpSpPr>
          <p:grpSpPr>
            <a:xfrm>
              <a:off x="7275856" y="3845625"/>
              <a:ext cx="2187459" cy="1340859"/>
              <a:chOff x="3255385" y="4755088"/>
              <a:chExt cx="2664832" cy="1544316"/>
            </a:xfrm>
          </p:grpSpPr>
          <p:sp>
            <p:nvSpPr>
              <p:cNvPr id="33" name="Rectangle: Rounded Corners 25">
                <a:extLst>
                  <a:ext uri="{FF2B5EF4-FFF2-40B4-BE49-F238E27FC236}">
                    <a16:creationId xmlns="" xmlns:a16="http://schemas.microsoft.com/office/drawing/2014/main" id="{A45F4038-DF5B-4B9D-AC98-E1674F52F508}"/>
                  </a:ext>
                </a:extLst>
              </p:cNvPr>
              <p:cNvSpPr/>
              <p:nvPr/>
            </p:nvSpPr>
            <p:spPr>
              <a:xfrm>
                <a:off x="3255385" y="4755088"/>
                <a:ext cx="2664832" cy="339353"/>
              </a:xfrm>
              <a:prstGeom prst="roundRect">
                <a:avLst/>
              </a:prstGeom>
              <a:solidFill>
                <a:srgbClr val="F0F0F0"/>
              </a:solidFill>
              <a:ln w="19050" cap="flat" cmpd="sng" algn="ctr">
                <a:noFill/>
                <a:prstDash val="solid"/>
                <a:miter lim="800000"/>
              </a:ln>
              <a:effectLst/>
            </p:spPr>
            <p:txBody>
              <a:bodyPr lIns="91440" rtlCol="0" anchor="ctr"/>
              <a:lstStyle/>
              <a:p>
                <a:pPr marL="0" marR="0" lvl="0" indent="0" algn="ctr" defTabSz="121908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ru-RU" sz="1200" b="0" i="0" u="none" strike="noStrike" kern="0" cap="none" spc="0" normalizeH="0" baseline="0" noProof="0">
                    <a:ln>
                      <a:noFill/>
                    </a:ln>
                    <a:solidFill>
                      <a:srgbClr val="515151"/>
                    </a:solidFill>
                    <a:effectLst/>
                    <a:uLnTx/>
                    <a:uFillTx/>
                    <a:latin typeface="Century Gothic"/>
                    <a:ea typeface="Century Gothic"/>
                    <a:cs typeface="Century Gothic"/>
                  </a:rPr>
                  <a:t>DAPA-HF</a:t>
                </a:r>
              </a:p>
            </p:txBody>
          </p:sp>
          <p:sp>
            <p:nvSpPr>
              <p:cNvPr id="34" name="Rectangle: Rounded Corners 26">
                <a:extLst>
                  <a:ext uri="{FF2B5EF4-FFF2-40B4-BE49-F238E27FC236}">
                    <a16:creationId xmlns="" xmlns:a16="http://schemas.microsoft.com/office/drawing/2014/main" id="{BF34262F-4C2D-4F44-AF02-7AEEA2EF6F47}"/>
                  </a:ext>
                </a:extLst>
              </p:cNvPr>
              <p:cNvSpPr/>
              <p:nvPr/>
            </p:nvSpPr>
            <p:spPr>
              <a:xfrm>
                <a:off x="3255385" y="5156742"/>
                <a:ext cx="2664832" cy="339353"/>
              </a:xfrm>
              <a:prstGeom prst="roundRect">
                <a:avLst/>
              </a:prstGeom>
              <a:solidFill>
                <a:srgbClr val="F0F0F0"/>
              </a:solidFill>
              <a:ln w="19050" cap="flat" cmpd="sng" algn="ctr">
                <a:noFill/>
                <a:prstDash val="solid"/>
                <a:miter lim="800000"/>
              </a:ln>
              <a:effectLst/>
            </p:spPr>
            <p:txBody>
              <a:bodyPr lIns="91440" rtlCol="0" anchor="ctr"/>
              <a:lstStyle/>
              <a:p>
                <a:pPr marL="0" marR="0" lvl="0" indent="0" algn="ctr" defTabSz="121908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ru-RU" sz="1200" b="0" i="0" u="none" strike="noStrike" kern="0" cap="none" spc="0" normalizeH="0" baseline="0" noProof="0">
                    <a:ln>
                      <a:noFill/>
                    </a:ln>
                    <a:solidFill>
                      <a:srgbClr val="515151"/>
                    </a:solidFill>
                    <a:effectLst/>
                    <a:uLnTx/>
                    <a:uFillTx/>
                    <a:latin typeface="Century Gothic"/>
                    <a:ea typeface="Century Gothic"/>
                    <a:cs typeface="Century Gothic"/>
                  </a:rPr>
                  <a:t>DELIVER HFpEF</a:t>
                </a:r>
              </a:p>
            </p:txBody>
          </p:sp>
          <p:sp>
            <p:nvSpPr>
              <p:cNvPr id="35" name="Rectangle: Rounded Corners 27">
                <a:extLst>
                  <a:ext uri="{FF2B5EF4-FFF2-40B4-BE49-F238E27FC236}">
                    <a16:creationId xmlns="" xmlns:a16="http://schemas.microsoft.com/office/drawing/2014/main" id="{C0C3075B-E727-463E-A8D8-747419B234CE}"/>
                  </a:ext>
                </a:extLst>
              </p:cNvPr>
              <p:cNvSpPr/>
              <p:nvPr/>
            </p:nvSpPr>
            <p:spPr>
              <a:xfrm>
                <a:off x="3255385" y="5558397"/>
                <a:ext cx="2664832" cy="339353"/>
              </a:xfrm>
              <a:prstGeom prst="roundRect">
                <a:avLst/>
              </a:prstGeom>
              <a:solidFill>
                <a:srgbClr val="F0F0F0"/>
              </a:solidFill>
              <a:ln w="19050" cap="flat" cmpd="sng" algn="ctr">
                <a:noFill/>
                <a:prstDash val="solid"/>
                <a:miter lim="800000"/>
              </a:ln>
              <a:effectLst/>
            </p:spPr>
            <p:txBody>
              <a:bodyPr lIns="91440" rtlCol="0" anchor="ctr"/>
              <a:lstStyle/>
              <a:p>
                <a:pPr marL="0" marR="0" lvl="0" indent="0" algn="ctr" defTabSz="121908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ru-RU" sz="1200" b="0" i="0" u="none" strike="noStrike" kern="0" cap="none" spc="0" normalizeH="0" baseline="0" noProof="0">
                    <a:ln>
                      <a:noFill/>
                    </a:ln>
                    <a:solidFill>
                      <a:srgbClr val="515151"/>
                    </a:solidFill>
                    <a:effectLst/>
                    <a:uLnTx/>
                    <a:uFillTx/>
                    <a:latin typeface="Century Gothic"/>
                    <a:ea typeface="Century Gothic"/>
                    <a:cs typeface="Century Gothic"/>
                  </a:rPr>
                  <a:t>EMPEROR-Preserved</a:t>
                </a:r>
              </a:p>
            </p:txBody>
          </p:sp>
          <p:sp>
            <p:nvSpPr>
              <p:cNvPr id="36" name="Rectangle: Rounded Corners 28">
                <a:extLst>
                  <a:ext uri="{FF2B5EF4-FFF2-40B4-BE49-F238E27FC236}">
                    <a16:creationId xmlns="" xmlns:a16="http://schemas.microsoft.com/office/drawing/2014/main" id="{4513BDEB-A569-42AF-A06E-A0C1C03E6A44}"/>
                  </a:ext>
                </a:extLst>
              </p:cNvPr>
              <p:cNvSpPr/>
              <p:nvPr/>
            </p:nvSpPr>
            <p:spPr>
              <a:xfrm>
                <a:off x="3255385" y="5960051"/>
                <a:ext cx="2664832" cy="339353"/>
              </a:xfrm>
              <a:prstGeom prst="roundRect">
                <a:avLst/>
              </a:prstGeom>
              <a:solidFill>
                <a:srgbClr val="F0F0F0"/>
              </a:solidFill>
              <a:ln w="19050" cap="flat" cmpd="sng" algn="ctr">
                <a:noFill/>
                <a:prstDash val="solid"/>
                <a:miter lim="800000"/>
              </a:ln>
              <a:effectLst/>
            </p:spPr>
            <p:txBody>
              <a:bodyPr lIns="91440" rtlCol="0" anchor="ctr"/>
              <a:lstStyle/>
              <a:p>
                <a:pPr marL="0" marR="0" lvl="0" indent="0" algn="ctr" defTabSz="121908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ru-RU" sz="1200" b="0" i="0" u="none" strike="noStrike" kern="0" cap="none" spc="0" normalizeH="0" baseline="0" noProof="0">
                    <a:ln>
                      <a:noFill/>
                    </a:ln>
                    <a:solidFill>
                      <a:srgbClr val="515151"/>
                    </a:solidFill>
                    <a:effectLst/>
                    <a:uLnTx/>
                    <a:uFillTx/>
                    <a:latin typeface="Century Gothic"/>
                    <a:ea typeface="Century Gothic"/>
                    <a:cs typeface="Century Gothic"/>
                  </a:rPr>
                  <a:t>EMPEROR-Reduced</a:t>
                </a:r>
              </a:p>
            </p:txBody>
          </p:sp>
        </p:grpSp>
        <p:cxnSp>
          <p:nvCxnSpPr>
            <p:cNvPr id="18" name="Straight Arrow Connector 29">
              <a:extLst>
                <a:ext uri="{FF2B5EF4-FFF2-40B4-BE49-F238E27FC236}">
                  <a16:creationId xmlns="" xmlns:a16="http://schemas.microsoft.com/office/drawing/2014/main" id="{B4E11346-A7DB-4909-AD40-7FFFA7192A16}"/>
                </a:ext>
              </a:extLst>
            </p:cNvPr>
            <p:cNvCxnSpPr/>
            <p:nvPr/>
          </p:nvCxnSpPr>
          <p:spPr>
            <a:xfrm flipH="1">
              <a:off x="3979677" y="3269905"/>
              <a:ext cx="0" cy="573399"/>
            </a:xfrm>
            <a:prstGeom prst="straightConnector1">
              <a:avLst/>
            </a:prstGeom>
            <a:noFill/>
            <a:ln w="12700" cap="flat" cmpd="sng" algn="ctr">
              <a:solidFill>
                <a:srgbClr val="515151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19" name="Straight Arrow Connector 30">
              <a:extLst>
                <a:ext uri="{FF2B5EF4-FFF2-40B4-BE49-F238E27FC236}">
                  <a16:creationId xmlns="" xmlns:a16="http://schemas.microsoft.com/office/drawing/2014/main" id="{55E822FD-6211-4D06-95A7-80ED61B389AD}"/>
                </a:ext>
              </a:extLst>
            </p:cNvPr>
            <p:cNvCxnSpPr/>
            <p:nvPr/>
          </p:nvCxnSpPr>
          <p:spPr>
            <a:xfrm flipH="1">
              <a:off x="5526457" y="3269905"/>
              <a:ext cx="0" cy="573399"/>
            </a:xfrm>
            <a:prstGeom prst="straightConnector1">
              <a:avLst/>
            </a:prstGeom>
            <a:noFill/>
            <a:ln w="12700" cap="flat" cmpd="sng" algn="ctr">
              <a:solidFill>
                <a:srgbClr val="515151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20" name="Straight Arrow Connector 31">
              <a:extLst>
                <a:ext uri="{FF2B5EF4-FFF2-40B4-BE49-F238E27FC236}">
                  <a16:creationId xmlns="" xmlns:a16="http://schemas.microsoft.com/office/drawing/2014/main" id="{8224F1D7-71BF-4F1E-9B21-1D1C19524B6F}"/>
                </a:ext>
              </a:extLst>
            </p:cNvPr>
            <p:cNvCxnSpPr/>
            <p:nvPr/>
          </p:nvCxnSpPr>
          <p:spPr>
            <a:xfrm flipH="1">
              <a:off x="8369585" y="3269905"/>
              <a:ext cx="0" cy="573399"/>
            </a:xfrm>
            <a:prstGeom prst="straightConnector1">
              <a:avLst/>
            </a:prstGeom>
            <a:noFill/>
            <a:ln w="12700" cap="flat" cmpd="sng" algn="ctr">
              <a:solidFill>
                <a:srgbClr val="515151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21" name="Content Placeholder 10">
              <a:extLst>
                <a:ext uri="{FF2B5EF4-FFF2-40B4-BE49-F238E27FC236}">
                  <a16:creationId xmlns="" xmlns:a16="http://schemas.microsoft.com/office/drawing/2014/main" id="{1A2E9551-BC8C-479B-8BBF-E0318041C9FC}"/>
                </a:ext>
              </a:extLst>
            </p:cNvPr>
            <p:cNvSpPr txBox="1"/>
            <p:nvPr/>
          </p:nvSpPr>
          <p:spPr>
            <a:xfrm>
              <a:off x="4691114" y="5652919"/>
              <a:ext cx="1953176" cy="317699"/>
            </a:xfrm>
            <a:prstGeom prst="rect">
              <a:avLst/>
            </a:prstGeom>
            <a:noFill/>
          </p:spPr>
          <p:txBody>
            <a:bodyPr vert="horz" lIns="0" tIns="0" rIns="0" bIns="0" rtlCol="0" anchor="ctr" anchorCtr="0">
              <a:noAutofit/>
            </a:bodyPr>
            <a:lstStyle>
              <a:lvl1pPr marL="237061" indent="-237061" algn="l" defTabSz="609585" rtl="0" eaLnBrk="1" latinLnBrk="0" hangingPunct="1">
                <a:spcBef>
                  <a:spcPts val="800"/>
                </a:spcBef>
                <a:buClr>
                  <a:schemeClr val="accent1"/>
                </a:buClr>
                <a:buFont typeface="Arial"/>
                <a:buChar char="•"/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1pPr>
              <a:lvl2pPr marL="601118" indent="-364058" algn="l" defTabSz="482588" rtl="0" eaLnBrk="1" latinLnBrk="0" hangingPunct="1">
                <a:spcBef>
                  <a:spcPts val="533"/>
                </a:spcBef>
                <a:buClr>
                  <a:schemeClr val="accent1"/>
                </a:buClr>
                <a:buFont typeface="Arial"/>
                <a:buChar char="–"/>
                <a:tabLst>
                  <a:tab pos="601118" algn="l"/>
                </a:tabLst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2pPr>
              <a:lvl3pPr marL="838179" indent="-23706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•"/>
                <a:tabLst>
                  <a:tab pos="838179" algn="l"/>
                </a:tabLst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3pPr>
              <a:lvl4pPr marL="1193770" indent="-35559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–"/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4pPr>
              <a:lvl5pPr marL="1439297" indent="-245527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»"/>
                <a:tabLst>
                  <a:tab pos="1794888" algn="l"/>
                </a:tabLst>
                <a:defRPr sz="1867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5pPr>
              <a:lvl6pPr marL="335271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962301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57188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5181470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609585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>
                  <a:srgbClr val="498BC9"/>
                </a:buClr>
                <a:buSzTx/>
                <a:buFont typeface="Arial"/>
                <a:buNone/>
                <a:tabLst/>
                <a:defRPr/>
              </a:pPr>
              <a:r>
                <a:rPr kumimoji="0" lang="ru-RU" sz="1600" b="1" i="0" u="none" strike="noStrike" kern="1200" cap="none" spc="0" normalizeH="0" baseline="0" noProof="0" dirty="0">
                  <a:ln>
                    <a:noFill/>
                  </a:ln>
                  <a:solidFill>
                    <a:srgbClr val="498BC9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Профилактика СН</a:t>
              </a:r>
            </a:p>
          </p:txBody>
        </p:sp>
        <p:sp>
          <p:nvSpPr>
            <p:cNvPr id="22" name="Content Placeholder 10">
              <a:extLst>
                <a:ext uri="{FF2B5EF4-FFF2-40B4-BE49-F238E27FC236}">
                  <a16:creationId xmlns="" xmlns:a16="http://schemas.microsoft.com/office/drawing/2014/main" id="{A58DBB5E-18FD-418A-955B-02869C3EBD6E}"/>
                </a:ext>
              </a:extLst>
            </p:cNvPr>
            <p:cNvSpPr txBox="1"/>
            <p:nvPr/>
          </p:nvSpPr>
          <p:spPr>
            <a:xfrm>
              <a:off x="7647441" y="5609779"/>
              <a:ext cx="1619179" cy="317699"/>
            </a:xfrm>
            <a:prstGeom prst="rect">
              <a:avLst/>
            </a:prstGeom>
            <a:noFill/>
          </p:spPr>
          <p:txBody>
            <a:bodyPr vert="horz" lIns="0" tIns="0" rIns="0" bIns="0" rtlCol="0" anchor="ctr" anchorCtr="0">
              <a:noAutofit/>
            </a:bodyPr>
            <a:lstStyle>
              <a:lvl1pPr marL="237061" indent="-237061" algn="l" defTabSz="609585" rtl="0" eaLnBrk="1" latinLnBrk="0" hangingPunct="1">
                <a:spcBef>
                  <a:spcPts val="800"/>
                </a:spcBef>
                <a:buClr>
                  <a:schemeClr val="accent1"/>
                </a:buClr>
                <a:buFont typeface="Arial"/>
                <a:buChar char="•"/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1pPr>
              <a:lvl2pPr marL="601118" indent="-364058" algn="l" defTabSz="482588" rtl="0" eaLnBrk="1" latinLnBrk="0" hangingPunct="1">
                <a:spcBef>
                  <a:spcPts val="533"/>
                </a:spcBef>
                <a:buClr>
                  <a:schemeClr val="accent1"/>
                </a:buClr>
                <a:buFont typeface="Arial"/>
                <a:buChar char="–"/>
                <a:tabLst>
                  <a:tab pos="601118" algn="l"/>
                </a:tabLst>
                <a:defRPr sz="2400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2pPr>
              <a:lvl3pPr marL="838179" indent="-23706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•"/>
                <a:tabLst>
                  <a:tab pos="838179" algn="l"/>
                </a:tabLst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3pPr>
              <a:lvl4pPr marL="1193770" indent="-355591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–"/>
                <a:defRPr sz="2133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4pPr>
              <a:lvl5pPr marL="1439297" indent="-245527" algn="l" defTabSz="609585" rtl="0" eaLnBrk="1" latinLnBrk="0" hangingPunct="1">
                <a:spcBef>
                  <a:spcPts val="400"/>
                </a:spcBef>
                <a:buClr>
                  <a:schemeClr val="accent1"/>
                </a:buClr>
                <a:buFont typeface="Arial"/>
                <a:buChar char="»"/>
                <a:tabLst>
                  <a:tab pos="1794888" algn="l"/>
                </a:tabLst>
                <a:defRPr sz="1867" kern="1200">
                  <a:solidFill>
                    <a:schemeClr val="tx2"/>
                  </a:solidFill>
                  <a:latin typeface="Arial"/>
                  <a:ea typeface="+mn-ea"/>
                  <a:cs typeface="+mn-cs"/>
                </a:defRPr>
              </a:lvl5pPr>
              <a:lvl6pPr marL="335271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962301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571886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5181470" indent="-304792" algn="l" defTabSz="609585" rtl="0" eaLnBrk="1" latinLnBrk="0" hangingPunct="1">
                <a:spcBef>
                  <a:spcPct val="20000"/>
                </a:spcBef>
                <a:buFont typeface="Arial"/>
                <a:buChar char="•"/>
                <a:defRPr sz="2667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ctr" defTabSz="609585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>
                  <a:srgbClr val="498BC9"/>
                </a:buClr>
                <a:buSzTx/>
                <a:buFont typeface="Arial"/>
                <a:buNone/>
                <a:tabLst/>
                <a:defRPr/>
              </a:pPr>
              <a:r>
                <a:rPr kumimoji="0" lang="ru-RU" sz="1600" b="1" i="0" u="none" strike="noStrike" kern="1200" cap="none" spc="0" normalizeH="0" baseline="0" noProof="0">
                  <a:ln>
                    <a:noFill/>
                  </a:ln>
                  <a:solidFill>
                    <a:srgbClr val="498BC9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Лечение СН</a:t>
              </a:r>
            </a:p>
          </p:txBody>
        </p:sp>
        <p:sp>
          <p:nvSpPr>
            <p:cNvPr id="23" name="Rectangle: Rounded Corners 34">
              <a:extLst>
                <a:ext uri="{FF2B5EF4-FFF2-40B4-BE49-F238E27FC236}">
                  <a16:creationId xmlns="" xmlns:a16="http://schemas.microsoft.com/office/drawing/2014/main" id="{F3E29479-A9A3-45CC-8B6F-67B7FC535C0B}"/>
                </a:ext>
              </a:extLst>
            </p:cNvPr>
            <p:cNvSpPr/>
            <p:nvPr/>
          </p:nvSpPr>
          <p:spPr>
            <a:xfrm>
              <a:off x="7275856" y="5263778"/>
              <a:ext cx="2187459" cy="294644"/>
            </a:xfrm>
            <a:prstGeom prst="roundRect">
              <a:avLst/>
            </a:prstGeom>
            <a:solidFill>
              <a:srgbClr val="F0F0F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lIns="91440" rtlCol="0" anchor="ctr"/>
            <a:lstStyle/>
            <a:p>
              <a:pPr marL="0" marR="0" lvl="0" indent="0" algn="ctr" defTabSz="121908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0" cap="none" spc="0" normalizeH="0" baseline="0" noProof="0">
                  <a:ln>
                    <a:noFill/>
                  </a:ln>
                  <a:solidFill>
                    <a:srgbClr val="515151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EMPULSE</a:t>
              </a:r>
            </a:p>
          </p:txBody>
        </p:sp>
        <p:grpSp>
          <p:nvGrpSpPr>
            <p:cNvPr id="24" name="Group 35">
              <a:extLst>
                <a:ext uri="{FF2B5EF4-FFF2-40B4-BE49-F238E27FC236}">
                  <a16:creationId xmlns="" xmlns:a16="http://schemas.microsoft.com/office/drawing/2014/main" id="{0CE84EF6-2438-46A8-8240-9F82D132300B}"/>
                </a:ext>
              </a:extLst>
            </p:cNvPr>
            <p:cNvGrpSpPr/>
            <p:nvPr/>
          </p:nvGrpSpPr>
          <p:grpSpPr>
            <a:xfrm>
              <a:off x="864020" y="2326824"/>
              <a:ext cx="1102704" cy="1076905"/>
              <a:chOff x="766145" y="2193000"/>
              <a:chExt cx="1393796" cy="1361187"/>
            </a:xfrm>
          </p:grpSpPr>
          <p:sp>
            <p:nvSpPr>
              <p:cNvPr id="31" name="Oval 36">
                <a:extLst>
                  <a:ext uri="{FF2B5EF4-FFF2-40B4-BE49-F238E27FC236}">
                    <a16:creationId xmlns="" xmlns:a16="http://schemas.microsoft.com/office/drawing/2014/main" id="{8136F984-5640-4FB8-9AFC-3D099A966B11}"/>
                  </a:ext>
                </a:extLst>
              </p:cNvPr>
              <p:cNvSpPr/>
              <p:nvPr/>
            </p:nvSpPr>
            <p:spPr>
              <a:xfrm>
                <a:off x="766145" y="2193000"/>
                <a:ext cx="1393796" cy="1361187"/>
              </a:xfrm>
              <a:prstGeom prst="ellipse">
                <a:avLst/>
              </a:prstGeom>
              <a:solidFill>
                <a:srgbClr val="FFFFFF"/>
              </a:solidFill>
              <a:ln w="19050" cap="flat" cmpd="sng" algn="ctr">
                <a:solidFill>
                  <a:srgbClr val="498BC9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0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entury Gothic" panose="020B0502020202020204" pitchFamily="34" charset="0"/>
                  <a:cs typeface="Arial"/>
                </a:endParaRPr>
              </a:p>
            </p:txBody>
          </p:sp>
          <p:pic>
            <p:nvPicPr>
              <p:cNvPr id="32" name="Graphic 37">
                <a:extLst>
                  <a:ext uri="{FF2B5EF4-FFF2-40B4-BE49-F238E27FC236}">
                    <a16:creationId xmlns="" xmlns:a16="http://schemas.microsoft.com/office/drawing/2014/main" id="{992F32F4-186E-4945-B3E0-563961BC5BE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>
                <a:extLst>
                  <a:ext uri="{96DAC541-7B7A-43D3-8B79-37D633B846F1}">
                    <asvg:svgBlip xmlns="" xmlns:asvg="http://schemas.microsoft.com/office/drawing/2016/SVG/main" r:embed="rId3"/>
                  </a:ext>
                </a:extLst>
              </a:blip>
              <a:stretch>
                <a:fillRect/>
              </a:stretch>
            </p:blipFill>
            <p:spPr>
              <a:xfrm>
                <a:off x="884542" y="2295092"/>
                <a:ext cx="1157002" cy="1157002"/>
              </a:xfrm>
              <a:prstGeom prst="rect">
                <a:avLst/>
              </a:prstGeom>
            </p:spPr>
          </p:pic>
        </p:grpSp>
        <p:grpSp>
          <p:nvGrpSpPr>
            <p:cNvPr id="25" name="Group 38">
              <a:extLst>
                <a:ext uri="{FF2B5EF4-FFF2-40B4-BE49-F238E27FC236}">
                  <a16:creationId xmlns="" xmlns:a16="http://schemas.microsoft.com/office/drawing/2014/main" id="{6AF54379-6C92-49E5-A24C-76050A27A56E}"/>
                </a:ext>
              </a:extLst>
            </p:cNvPr>
            <p:cNvGrpSpPr/>
            <p:nvPr/>
          </p:nvGrpSpPr>
          <p:grpSpPr>
            <a:xfrm>
              <a:off x="10151794" y="2326824"/>
              <a:ext cx="1102704" cy="1076905"/>
              <a:chOff x="10032061" y="2193000"/>
              <a:chExt cx="1393796" cy="1361187"/>
            </a:xfrm>
          </p:grpSpPr>
          <p:sp>
            <p:nvSpPr>
              <p:cNvPr id="29" name="Oval 39">
                <a:extLst>
                  <a:ext uri="{FF2B5EF4-FFF2-40B4-BE49-F238E27FC236}">
                    <a16:creationId xmlns="" xmlns:a16="http://schemas.microsoft.com/office/drawing/2014/main" id="{DE246CFE-C142-4257-9138-F5564A87EDA8}"/>
                  </a:ext>
                </a:extLst>
              </p:cNvPr>
              <p:cNvSpPr/>
              <p:nvPr/>
            </p:nvSpPr>
            <p:spPr>
              <a:xfrm>
                <a:off x="10032061" y="2193000"/>
                <a:ext cx="1393796" cy="1361187"/>
              </a:xfrm>
              <a:prstGeom prst="ellipse">
                <a:avLst/>
              </a:prstGeom>
              <a:solidFill>
                <a:srgbClr val="FFFFFF"/>
              </a:solidFill>
              <a:ln w="19050" cap="flat" cmpd="sng" algn="ctr">
                <a:solidFill>
                  <a:srgbClr val="498BC9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377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20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entury Gothic" panose="020B0502020202020204" pitchFamily="34" charset="0"/>
                  <a:cs typeface="Arial"/>
                </a:endParaRPr>
              </a:p>
            </p:txBody>
          </p:sp>
          <p:pic>
            <p:nvPicPr>
              <p:cNvPr id="30" name="Graphic 40">
                <a:extLst>
                  <a:ext uri="{FF2B5EF4-FFF2-40B4-BE49-F238E27FC236}">
                    <a16:creationId xmlns="" xmlns:a16="http://schemas.microsoft.com/office/drawing/2014/main" id="{CF663E01-8F07-406F-BD34-B123FBBD960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>
                <a:extLst>
                  <a:ext uri="{96DAC541-7B7A-43D3-8B79-37D633B846F1}">
                    <asvg:svgBlip xmlns="" xmlns:asvg="http://schemas.microsoft.com/office/drawing/2016/SVG/main" r:embed="rId3"/>
                  </a:ext>
                </a:extLst>
              </a:blip>
              <a:stretch>
                <a:fillRect/>
              </a:stretch>
            </p:blipFill>
            <p:spPr>
              <a:xfrm>
                <a:off x="10150458" y="2295092"/>
                <a:ext cx="1157002" cy="1157002"/>
              </a:xfrm>
              <a:prstGeom prst="rect">
                <a:avLst/>
              </a:prstGeom>
            </p:spPr>
          </p:pic>
        </p:grpSp>
        <p:sp>
          <p:nvSpPr>
            <p:cNvPr id="26" name="Rectangle: Rounded Corners 41">
              <a:extLst>
                <a:ext uri="{FF2B5EF4-FFF2-40B4-BE49-F238E27FC236}">
                  <a16:creationId xmlns="" xmlns:a16="http://schemas.microsoft.com/office/drawing/2014/main" id="{107FD20C-B2F2-4653-A8D1-CD514544B9D5}"/>
                </a:ext>
              </a:extLst>
            </p:cNvPr>
            <p:cNvSpPr/>
            <p:nvPr/>
          </p:nvSpPr>
          <p:spPr>
            <a:xfrm>
              <a:off x="5840608" y="3825397"/>
              <a:ext cx="1260000" cy="305234"/>
            </a:xfrm>
            <a:prstGeom prst="roundRect">
              <a:avLst/>
            </a:prstGeom>
            <a:solidFill>
              <a:srgbClr val="F0F0F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lIns="91440" rtlCol="0" anchor="ctr"/>
            <a:lstStyle/>
            <a:p>
              <a:pPr marL="0" marR="0" lvl="0" indent="0" algn="ctr" defTabSz="121908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0" cap="none" spc="0" normalizeH="0" baseline="0" noProof="0">
                  <a:ln>
                    <a:noFill/>
                  </a:ln>
                  <a:solidFill>
                    <a:srgbClr val="515151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EMPACT-MI</a:t>
              </a:r>
            </a:p>
          </p:txBody>
        </p:sp>
        <p:sp>
          <p:nvSpPr>
            <p:cNvPr id="27" name="Rectangle: Rounded Corners 42">
              <a:extLst>
                <a:ext uri="{FF2B5EF4-FFF2-40B4-BE49-F238E27FC236}">
                  <a16:creationId xmlns="" xmlns:a16="http://schemas.microsoft.com/office/drawing/2014/main" id="{9366C332-9E97-4A5C-A1A5-900E2E74A88C}"/>
                </a:ext>
              </a:extLst>
            </p:cNvPr>
            <p:cNvSpPr/>
            <p:nvPr/>
          </p:nvSpPr>
          <p:spPr>
            <a:xfrm>
              <a:off x="5840608" y="4176707"/>
              <a:ext cx="1260000" cy="305234"/>
            </a:xfrm>
            <a:prstGeom prst="roundRect">
              <a:avLst/>
            </a:prstGeom>
            <a:solidFill>
              <a:srgbClr val="F0F0F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lIns="91440" rtlCol="0" anchor="ctr"/>
            <a:lstStyle/>
            <a:p>
              <a:pPr marL="0" marR="0" lvl="0" indent="0" algn="ctr" defTabSz="121908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0" cap="none" spc="0" normalizeH="0" baseline="0" noProof="0">
                  <a:ln>
                    <a:noFill/>
                  </a:ln>
                  <a:solidFill>
                    <a:srgbClr val="515151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DAPA-MI</a:t>
              </a:r>
            </a:p>
          </p:txBody>
        </p:sp>
        <p:sp>
          <p:nvSpPr>
            <p:cNvPr id="28" name="Rectangle: Rounded Corners 44">
              <a:extLst>
                <a:ext uri="{FF2B5EF4-FFF2-40B4-BE49-F238E27FC236}">
                  <a16:creationId xmlns="" xmlns:a16="http://schemas.microsoft.com/office/drawing/2014/main" id="{66307DE0-26AD-4178-897B-C2B7D6DEA1C4}"/>
                </a:ext>
              </a:extLst>
            </p:cNvPr>
            <p:cNvSpPr/>
            <p:nvPr/>
          </p:nvSpPr>
          <p:spPr>
            <a:xfrm>
              <a:off x="3714740" y="5262068"/>
              <a:ext cx="1980000" cy="294645"/>
            </a:xfrm>
            <a:prstGeom prst="roundRect">
              <a:avLst/>
            </a:prstGeom>
            <a:solidFill>
              <a:srgbClr val="F0F0F0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lIns="91440" rtlCol="0" anchor="ctr"/>
            <a:lstStyle/>
            <a:p>
              <a:pPr marL="0" marR="0" lvl="0" indent="0" algn="ctr" defTabSz="121908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0" cap="none" spc="0" normalizeH="0" baseline="0" noProof="0">
                  <a:ln>
                    <a:noFill/>
                  </a:ln>
                  <a:solidFill>
                    <a:srgbClr val="515151"/>
                  </a:solidFill>
                  <a:effectLst/>
                  <a:uLnTx/>
                  <a:uFillTx/>
                  <a:latin typeface="Century Gothic"/>
                  <a:ea typeface="Century Gothic"/>
                  <a:cs typeface="Century Gothic"/>
                </a:rPr>
                <a:t>VERTIS-CV</a:t>
              </a:r>
            </a:p>
          </p:txBody>
        </p:sp>
      </p:grpSp>
      <p:cxnSp>
        <p:nvCxnSpPr>
          <p:cNvPr id="43" name="Straight Arrow Connector 45">
            <a:extLst>
              <a:ext uri="{FF2B5EF4-FFF2-40B4-BE49-F238E27FC236}">
                <a16:creationId xmlns="" xmlns:a16="http://schemas.microsoft.com/office/drawing/2014/main" id="{86530766-B27C-4F71-A478-9993BF9A0C15}"/>
              </a:ext>
            </a:extLst>
          </p:cNvPr>
          <p:cNvCxnSpPr/>
          <p:nvPr/>
        </p:nvCxnSpPr>
        <p:spPr>
          <a:xfrm flipH="1">
            <a:off x="6368901" y="2700841"/>
            <a:ext cx="0" cy="573399"/>
          </a:xfrm>
          <a:prstGeom prst="straightConnector1">
            <a:avLst/>
          </a:prstGeom>
          <a:noFill/>
          <a:ln w="12700" cap="flat" cmpd="sng" algn="ctr">
            <a:solidFill>
              <a:srgbClr val="515151"/>
            </a:solidFill>
            <a:prstDash val="solid"/>
            <a:miter lim="800000"/>
            <a:tailEnd type="triangle"/>
          </a:ln>
          <a:effectLst/>
        </p:spPr>
      </p:cxnSp>
      <p:sp>
        <p:nvSpPr>
          <p:cNvPr id="44" name="Content Placeholder 10">
            <a:extLst>
              <a:ext uri="{FF2B5EF4-FFF2-40B4-BE49-F238E27FC236}">
                <a16:creationId xmlns="" xmlns:a16="http://schemas.microsoft.com/office/drawing/2014/main" id="{49A0EB4F-812A-4FB8-8F65-86D2A68710EB}"/>
              </a:ext>
            </a:extLst>
          </p:cNvPr>
          <p:cNvSpPr txBox="1"/>
          <p:nvPr/>
        </p:nvSpPr>
        <p:spPr>
          <a:xfrm>
            <a:off x="3817996" y="1396573"/>
            <a:ext cx="1619179" cy="317699"/>
          </a:xfrm>
          <a:prstGeom prst="rect">
            <a:avLst/>
          </a:prstGeom>
          <a:noFill/>
        </p:spPr>
        <p:txBody>
          <a:bodyPr vert="horz" lIns="0" tIns="0" rIns="0" bIns="0" rtlCol="0" anchor="ctr" anchorCtr="0">
            <a:noAutofit/>
          </a:bodyPr>
          <a:lstStyle>
            <a:lvl1pPr marL="237061" indent="-237061" algn="l" defTabSz="609585" rtl="0" eaLnBrk="1" latinLnBrk="0" hangingPunct="1">
              <a:spcBef>
                <a:spcPts val="800"/>
              </a:spcBef>
              <a:buClr>
                <a:schemeClr val="accent1"/>
              </a:buClr>
              <a:buFont typeface="Arial"/>
              <a:buChar char="•"/>
              <a:defRPr sz="2400" kern="1200">
                <a:solidFill>
                  <a:schemeClr val="tx2"/>
                </a:solidFill>
                <a:latin typeface="Arial"/>
                <a:ea typeface="+mn-ea"/>
                <a:cs typeface="+mn-cs"/>
              </a:defRPr>
            </a:lvl1pPr>
            <a:lvl2pPr marL="601118" indent="-364058" algn="l" defTabSz="482588" rtl="0" eaLnBrk="1" latinLnBrk="0" hangingPunct="1">
              <a:spcBef>
                <a:spcPts val="533"/>
              </a:spcBef>
              <a:buClr>
                <a:schemeClr val="accent1"/>
              </a:buClr>
              <a:buFont typeface="Arial"/>
              <a:buChar char="–"/>
              <a:tabLst>
                <a:tab pos="601118" algn="l"/>
              </a:tabLst>
              <a:defRPr sz="2400" kern="1200">
                <a:solidFill>
                  <a:schemeClr val="tx2"/>
                </a:solidFill>
                <a:latin typeface="Arial"/>
                <a:ea typeface="+mn-ea"/>
                <a:cs typeface="+mn-cs"/>
              </a:defRPr>
            </a:lvl2pPr>
            <a:lvl3pPr marL="838179" indent="-237061" algn="l" defTabSz="609585" rtl="0" eaLnBrk="1" latinLnBrk="0" hangingPunct="1">
              <a:spcBef>
                <a:spcPts val="400"/>
              </a:spcBef>
              <a:buClr>
                <a:schemeClr val="accent1"/>
              </a:buClr>
              <a:buFont typeface="Arial"/>
              <a:buChar char="•"/>
              <a:tabLst>
                <a:tab pos="838179" algn="l"/>
              </a:tabLst>
              <a:defRPr sz="2133" kern="1200">
                <a:solidFill>
                  <a:schemeClr val="tx2"/>
                </a:solidFill>
                <a:latin typeface="Arial"/>
                <a:ea typeface="+mn-ea"/>
                <a:cs typeface="+mn-cs"/>
              </a:defRPr>
            </a:lvl3pPr>
            <a:lvl4pPr marL="1193770" indent="-355591" algn="l" defTabSz="609585" rtl="0" eaLnBrk="1" latinLnBrk="0" hangingPunct="1">
              <a:spcBef>
                <a:spcPts val="400"/>
              </a:spcBef>
              <a:buClr>
                <a:schemeClr val="accent1"/>
              </a:buClr>
              <a:buFont typeface="Arial"/>
              <a:buChar char="–"/>
              <a:defRPr sz="2133" kern="1200">
                <a:solidFill>
                  <a:schemeClr val="tx2"/>
                </a:solidFill>
                <a:latin typeface="Arial"/>
                <a:ea typeface="+mn-ea"/>
                <a:cs typeface="+mn-cs"/>
              </a:defRPr>
            </a:lvl4pPr>
            <a:lvl5pPr marL="1439297" indent="-245527" algn="l" defTabSz="609585" rtl="0" eaLnBrk="1" latinLnBrk="0" hangingPunct="1">
              <a:spcBef>
                <a:spcPts val="400"/>
              </a:spcBef>
              <a:buClr>
                <a:schemeClr val="accent1"/>
              </a:buClr>
              <a:buFont typeface="Arial"/>
              <a:buChar char="»"/>
              <a:tabLst>
                <a:tab pos="1794888" algn="l"/>
              </a:tabLst>
              <a:defRPr sz="1867" kern="1200">
                <a:solidFill>
                  <a:schemeClr val="tx2"/>
                </a:solidFill>
                <a:latin typeface="Arial"/>
                <a:ea typeface="+mn-ea"/>
                <a:cs typeface="+mn-cs"/>
              </a:defRPr>
            </a:lvl5pPr>
            <a:lvl6pPr marL="3352716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Clr>
                <a:srgbClr val="498BC9"/>
              </a:buClr>
              <a:buFont typeface="Arial"/>
              <a:buNone/>
            </a:pPr>
            <a:r>
              <a:rPr lang="ru-RU" sz="1600" dirty="0">
                <a:solidFill>
                  <a:srgbClr val="515151"/>
                </a:solidFill>
                <a:latin typeface="Century Gothic"/>
                <a:ea typeface="Century Gothic"/>
                <a:cs typeface="Century Gothic"/>
              </a:rPr>
              <a:t>Сахарный диабет 2 типа</a:t>
            </a:r>
          </a:p>
        </p:txBody>
      </p:sp>
      <p:sp>
        <p:nvSpPr>
          <p:cNvPr id="45" name="Content Placeholder 10">
            <a:extLst>
              <a:ext uri="{FF2B5EF4-FFF2-40B4-BE49-F238E27FC236}">
                <a16:creationId xmlns="" xmlns:a16="http://schemas.microsoft.com/office/drawing/2014/main" id="{01EADAF1-6F16-4C0B-AE85-0B7E8F52F6F8}"/>
              </a:ext>
            </a:extLst>
          </p:cNvPr>
          <p:cNvSpPr txBox="1"/>
          <p:nvPr/>
        </p:nvSpPr>
        <p:spPr>
          <a:xfrm>
            <a:off x="6114152" y="1396572"/>
            <a:ext cx="3399809" cy="317699"/>
          </a:xfrm>
          <a:prstGeom prst="rect">
            <a:avLst/>
          </a:prstGeom>
          <a:noFill/>
        </p:spPr>
        <p:txBody>
          <a:bodyPr vert="horz" lIns="0" tIns="0" rIns="0" bIns="0" rtlCol="0" anchor="ctr" anchorCtr="0">
            <a:noAutofit/>
          </a:bodyPr>
          <a:lstStyle>
            <a:lvl1pPr marL="237061" indent="-237061" algn="l" defTabSz="609585" rtl="0" eaLnBrk="1" latinLnBrk="0" hangingPunct="1">
              <a:spcBef>
                <a:spcPts val="800"/>
              </a:spcBef>
              <a:buClr>
                <a:schemeClr val="accent1"/>
              </a:buClr>
              <a:buFont typeface="Arial"/>
              <a:buChar char="•"/>
              <a:defRPr sz="2400" kern="1200">
                <a:solidFill>
                  <a:schemeClr val="tx2"/>
                </a:solidFill>
                <a:latin typeface="Arial"/>
                <a:ea typeface="+mn-ea"/>
                <a:cs typeface="+mn-cs"/>
              </a:defRPr>
            </a:lvl1pPr>
            <a:lvl2pPr marL="601118" indent="-364058" algn="l" defTabSz="482588" rtl="0" eaLnBrk="1" latinLnBrk="0" hangingPunct="1">
              <a:spcBef>
                <a:spcPts val="533"/>
              </a:spcBef>
              <a:buClr>
                <a:schemeClr val="accent1"/>
              </a:buClr>
              <a:buFont typeface="Arial"/>
              <a:buChar char="–"/>
              <a:tabLst>
                <a:tab pos="601118" algn="l"/>
              </a:tabLst>
              <a:defRPr sz="2400" kern="1200">
                <a:solidFill>
                  <a:schemeClr val="tx2"/>
                </a:solidFill>
                <a:latin typeface="Arial"/>
                <a:ea typeface="+mn-ea"/>
                <a:cs typeface="+mn-cs"/>
              </a:defRPr>
            </a:lvl2pPr>
            <a:lvl3pPr marL="838179" indent="-237061" algn="l" defTabSz="609585" rtl="0" eaLnBrk="1" latinLnBrk="0" hangingPunct="1">
              <a:spcBef>
                <a:spcPts val="400"/>
              </a:spcBef>
              <a:buClr>
                <a:schemeClr val="accent1"/>
              </a:buClr>
              <a:buFont typeface="Arial"/>
              <a:buChar char="•"/>
              <a:tabLst>
                <a:tab pos="838179" algn="l"/>
              </a:tabLst>
              <a:defRPr sz="2133" kern="1200">
                <a:solidFill>
                  <a:schemeClr val="tx2"/>
                </a:solidFill>
                <a:latin typeface="Arial"/>
                <a:ea typeface="+mn-ea"/>
                <a:cs typeface="+mn-cs"/>
              </a:defRPr>
            </a:lvl3pPr>
            <a:lvl4pPr marL="1193770" indent="-355591" algn="l" defTabSz="609585" rtl="0" eaLnBrk="1" latinLnBrk="0" hangingPunct="1">
              <a:spcBef>
                <a:spcPts val="400"/>
              </a:spcBef>
              <a:buClr>
                <a:schemeClr val="accent1"/>
              </a:buClr>
              <a:buFont typeface="Arial"/>
              <a:buChar char="–"/>
              <a:defRPr sz="2133" kern="1200">
                <a:solidFill>
                  <a:schemeClr val="tx2"/>
                </a:solidFill>
                <a:latin typeface="Arial"/>
                <a:ea typeface="+mn-ea"/>
                <a:cs typeface="+mn-cs"/>
              </a:defRPr>
            </a:lvl4pPr>
            <a:lvl5pPr marL="1439297" indent="-245527" algn="l" defTabSz="609585" rtl="0" eaLnBrk="1" latinLnBrk="0" hangingPunct="1">
              <a:spcBef>
                <a:spcPts val="400"/>
              </a:spcBef>
              <a:buClr>
                <a:schemeClr val="accent1"/>
              </a:buClr>
              <a:buFont typeface="Arial"/>
              <a:buChar char="»"/>
              <a:tabLst>
                <a:tab pos="1794888" algn="l"/>
              </a:tabLst>
              <a:defRPr sz="1867" kern="1200">
                <a:solidFill>
                  <a:schemeClr val="tx2"/>
                </a:solidFill>
                <a:latin typeface="Arial"/>
                <a:ea typeface="+mn-ea"/>
                <a:cs typeface="+mn-cs"/>
              </a:defRPr>
            </a:lvl5pPr>
            <a:lvl6pPr marL="3352716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Clr>
                <a:srgbClr val="498BC9"/>
              </a:buClr>
              <a:buFont typeface="Arial"/>
              <a:buNone/>
            </a:pPr>
            <a:r>
              <a:rPr lang="ru-RU" sz="1600" dirty="0">
                <a:solidFill>
                  <a:srgbClr val="515151"/>
                </a:solidFill>
                <a:latin typeface="Century Gothic"/>
                <a:ea typeface="Century Gothic"/>
                <a:cs typeface="Century Gothic"/>
              </a:rPr>
              <a:t>Сахарный диабет 2 типа  и без сахарного диабета 2 типа</a:t>
            </a:r>
          </a:p>
        </p:txBody>
      </p:sp>
    </p:spTree>
    <p:extLst>
      <p:ext uri="{BB962C8B-B14F-4D97-AF65-F5344CB8AC3E}">
        <p14:creationId xmlns:p14="http://schemas.microsoft.com/office/powerpoint/2010/main" val="1406262918"/>
      </p:ext>
    </p:extLst>
  </p:cSld>
  <p:clrMapOvr>
    <a:masterClrMapping/>
  </p:clrMapOvr>
  <p:transition/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Grafik 5">
            <a:extLst>
              <a:ext uri="{FF2B5EF4-FFF2-40B4-BE49-F238E27FC236}">
                <a16:creationId xmlns="" xmlns:a16="http://schemas.microsoft.com/office/drawing/2014/main" id="{48F0A8B4-EB20-4E38-B7DE-5B8D6FD3AFC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6844" y="1371601"/>
            <a:ext cx="10947351" cy="507286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5" name="Title 3">
            <a:extLst>
              <a:ext uri="{FF2B5EF4-FFF2-40B4-BE49-F238E27FC236}">
                <a16:creationId xmlns="" xmlns:a16="http://schemas.microsoft.com/office/drawing/2014/main" id="{36751343-BC8F-4014-9C8B-C0D97FBE1E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105935"/>
            <a:ext cx="11391056" cy="914400"/>
          </a:xfrm>
        </p:spPr>
        <p:txBody>
          <a:bodyPr/>
          <a:lstStyle/>
          <a:p>
            <a:r>
              <a:rPr lang="ru-RU" sz="2400" b="1" dirty="0">
                <a:solidFill>
                  <a:srgbClr val="6482C3"/>
                </a:solidFill>
                <a:cs typeface="Arial"/>
              </a:rPr>
              <a:t>Переосмысление алгоритмов для многофакторного управления </a:t>
            </a:r>
            <a:r>
              <a:rPr lang="ru-RU" sz="2400" b="1" dirty="0" err="1">
                <a:solidFill>
                  <a:srgbClr val="6482C3"/>
                </a:solidFill>
                <a:cs typeface="Arial"/>
              </a:rPr>
              <a:t>кардиоренальными</a:t>
            </a:r>
            <a:r>
              <a:rPr lang="ru-RU" sz="2400" b="1" dirty="0">
                <a:solidFill>
                  <a:srgbClr val="6482C3"/>
                </a:solidFill>
                <a:cs typeface="Arial"/>
              </a:rPr>
              <a:t> рисками </a:t>
            </a:r>
            <a:r>
              <a:rPr lang="ru-RU" sz="2800" b="1" dirty="0">
                <a:solidFill>
                  <a:srgbClr val="6482C3"/>
                </a:solidFill>
                <a:cs typeface="Arial"/>
              </a:rPr>
              <a:t>независимо от уровня HbA1c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="" xmlns:a16="http://schemas.microsoft.com/office/drawing/2014/main" id="{88A6619F-B5E5-469A-8E17-5D28E587DCA6}"/>
              </a:ext>
            </a:extLst>
          </p:cNvPr>
          <p:cNvSpPr txBox="1"/>
          <p:nvPr/>
        </p:nvSpPr>
        <p:spPr>
          <a:xfrm>
            <a:off x="234848" y="6622852"/>
            <a:ext cx="6559754" cy="24622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000" b="0" i="0" u="none" strike="noStrike" kern="1200" cap="none" spc="0" normalizeH="0" baseline="0" noProof="0" dirty="0" err="1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ea typeface="Arial"/>
                <a:cs typeface="Arial"/>
              </a:rPr>
              <a:t>Schernthaner</a:t>
            </a: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ea typeface="Arial"/>
                <a:cs typeface="Arial"/>
              </a:rPr>
              <a:t> et al. Cardiovasc Diabetol (2020) 19: 185 </a:t>
            </a:r>
          </a:p>
        </p:txBody>
      </p:sp>
      <p:sp>
        <p:nvSpPr>
          <p:cNvPr id="24" name="Text Box 2">
            <a:extLst>
              <a:ext uri="{FF2B5EF4-FFF2-40B4-BE49-F238E27FC236}">
                <a16:creationId xmlns="" xmlns:a16="http://schemas.microsoft.com/office/drawing/2014/main" id="{A21D3B46-507F-484E-9D52-3443D96AFB7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929063" y="3303130"/>
            <a:ext cx="2228849" cy="471488"/>
          </a:xfrm>
          <a:prstGeom prst="rect">
            <a:avLst/>
          </a:prstGeom>
          <a:solidFill>
            <a:srgbClr val="FF0000"/>
          </a:solidFill>
          <a:ln w="9525">
            <a:noFill/>
            <a:miter lim="800000"/>
          </a:ln>
        </p:spPr>
        <p:txBody>
          <a:bodyPr rot="0" vert="horz" wrap="square" lIns="0" tIns="0" rIns="0" bIns="0" anchor="ctr" anchorCtr="0">
            <a:noAutofit/>
          </a:bodyPr>
          <a:lstStyle/>
          <a:p>
            <a:pPr marL="0" marR="0" lvl="0" indent="0" algn="ctr" defTabSz="914377" rtl="0" eaLnBrk="1" fontAlgn="auto" latinLnBrk="0" hangingPunct="1">
              <a:lnSpc>
                <a:spcPct val="107000"/>
              </a:lnSpc>
              <a:spcBef>
                <a:spcPct val="0"/>
              </a:spcBef>
              <a:spcAft>
                <a:spcPts val="80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8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/>
                <a:ea typeface="Calibri" charset="0"/>
                <a:cs typeface="Calibri" charset="0"/>
              </a:rPr>
              <a:t>АС ССЗ</a:t>
            </a:r>
            <a:endParaRPr kumimoji="0" lang="en-US" sz="36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itchFamily="34" charset="0"/>
              <a:ea typeface="SimSun" panose="02010600030101010101" pitchFamily="2" charset="-122"/>
              <a:cs typeface="Arial" panose="020B0604020202020204" pitchFamily="34" charset="0"/>
            </a:endParaRPr>
          </a:p>
        </p:txBody>
      </p:sp>
      <p:grpSp>
        <p:nvGrpSpPr>
          <p:cNvPr id="42" name="Группа 41">
            <a:extLst>
              <a:ext uri="{FF2B5EF4-FFF2-40B4-BE49-F238E27FC236}">
                <a16:creationId xmlns="" xmlns:a16="http://schemas.microsoft.com/office/drawing/2014/main" id="{BFB832D8-1D98-43C5-8B76-D40977157EB5}"/>
              </a:ext>
            </a:extLst>
          </p:cNvPr>
          <p:cNvGrpSpPr/>
          <p:nvPr/>
        </p:nvGrpSpPr>
        <p:grpSpPr>
          <a:xfrm>
            <a:off x="798079" y="1583867"/>
            <a:ext cx="10333787" cy="4426408"/>
            <a:chOff x="798079" y="1583867"/>
            <a:chExt cx="10333787" cy="4426408"/>
          </a:xfrm>
        </p:grpSpPr>
        <p:sp>
          <p:nvSpPr>
            <p:cNvPr id="2" name="Text Box 2">
              <a:extLst>
                <a:ext uri="{FF2B5EF4-FFF2-40B4-BE49-F238E27FC236}">
                  <a16:creationId xmlns="" xmlns:a16="http://schemas.microsoft.com/office/drawing/2014/main" id="{A5E23480-F2E5-4715-8DB1-8E3B8A702BAF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798079" y="1603531"/>
              <a:ext cx="2811294" cy="972519"/>
            </a:xfrm>
            <a:prstGeom prst="rect">
              <a:avLst/>
            </a:prstGeom>
            <a:solidFill>
              <a:srgbClr val="1A6FC7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2800" b="1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Целевое значение HbA1c</a:t>
              </a:r>
              <a:endPara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3" name="Text Box 2">
              <a:extLst>
                <a:ext uri="{FF2B5EF4-FFF2-40B4-BE49-F238E27FC236}">
                  <a16:creationId xmlns="" xmlns:a16="http://schemas.microsoft.com/office/drawing/2014/main" id="{058F233D-EE6A-48B0-A9BC-51191BC89F9E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859377" y="3662363"/>
              <a:ext cx="2655348" cy="706437"/>
            </a:xfrm>
            <a:prstGeom prst="rect">
              <a:avLst/>
            </a:prstGeom>
            <a:solidFill>
              <a:schemeClr val="bg1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700" b="1" i="0" u="none" strike="noStrike" kern="1200" cap="none" spc="0" normalizeH="0" baseline="0" noProof="0" dirty="0">
                  <a:ln>
                    <a:noFill/>
                  </a:ln>
                  <a:solidFill>
                    <a:srgbClr val="4472C4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Алгоритм интенсификации стандартного лечения</a:t>
              </a:r>
            </a:p>
          </p:txBody>
        </p:sp>
        <p:sp>
          <p:nvSpPr>
            <p:cNvPr id="4" name="Text Box 2">
              <a:extLst>
                <a:ext uri="{FF2B5EF4-FFF2-40B4-BE49-F238E27FC236}">
                  <a16:creationId xmlns="" xmlns:a16="http://schemas.microsoft.com/office/drawing/2014/main" id="{29CBE7A5-A812-45F3-A548-15A070A7B526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4010025" y="4491975"/>
              <a:ext cx="2066925" cy="880738"/>
            </a:xfrm>
            <a:prstGeom prst="rect">
              <a:avLst/>
            </a:prstGeom>
            <a:solidFill>
              <a:schemeClr val="bg1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FF0000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Добавить или заменить на </a:t>
              </a:r>
              <a:r>
                <a:rPr kumimoji="0" lang="ru-RU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FF0000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иSGLT2 или арГПП-1 </a:t>
              </a:r>
            </a:p>
            <a:p>
              <a:pPr marL="0" marR="0" lvl="0" indent="0" algn="ctr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400" b="1" i="0" u="none" strike="noStrike" kern="1200" cap="none" spc="0" normalizeH="0" baseline="0" noProof="0" dirty="0">
                  <a:ln>
                    <a:noFill/>
                  </a:ln>
                  <a:solidFill>
                    <a:srgbClr val="FF0000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с доказанной эффективностью</a:t>
              </a:r>
            </a:p>
          </p:txBody>
        </p:sp>
        <p:sp>
          <p:nvSpPr>
            <p:cNvPr id="6" name="Text Box 2">
              <a:extLst>
                <a:ext uri="{FF2B5EF4-FFF2-40B4-BE49-F238E27FC236}">
                  <a16:creationId xmlns="" xmlns:a16="http://schemas.microsoft.com/office/drawing/2014/main" id="{D2AEE5F8-968A-4238-9F61-E5DF6EB02BEB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6496050" y="4491975"/>
              <a:ext cx="2066925" cy="880738"/>
            </a:xfrm>
            <a:prstGeom prst="rect">
              <a:avLst/>
            </a:prstGeom>
            <a:solidFill>
              <a:schemeClr val="bg1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Calibri"/>
                  <a:cs typeface="Calibri" charset="0"/>
                </a:rPr>
                <a:t>Добавить или заменить на </a:t>
              </a:r>
              <a:r>
                <a:rPr kumimoji="0" lang="ru-RU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Calibri"/>
                  <a:cs typeface="Calibri" charset="0"/>
                </a:rPr>
                <a:t>иSGLT2</a:t>
              </a:r>
              <a:r>
                <a:rPr kumimoji="0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A5A5A"/>
                  </a:solidFill>
                  <a:effectLst/>
                  <a:uLnTx/>
                  <a:uFillTx/>
                  <a:latin typeface="Arial"/>
                  <a:cs typeface="Arial"/>
                </a:rPr>
                <a:t/>
              </a:r>
              <a:br>
                <a:rPr kumimoji="0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A5A5A"/>
                  </a:solidFill>
                  <a:effectLst/>
                  <a:uLnTx/>
                  <a:uFillTx/>
                  <a:latin typeface="Arial"/>
                  <a:cs typeface="Arial"/>
                </a:rPr>
              </a:br>
              <a:r>
                <a:rPr kumimoji="0" lang="ru-RU" sz="1400" b="1" i="0" u="none" strike="noStrike" kern="1200" cap="none" spc="0" normalizeH="0" baseline="0" noProof="0" dirty="0">
                  <a:ln>
                    <a:noFill/>
                  </a:ln>
                  <a:solidFill>
                    <a:srgbClr val="C00000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с доказанной эффективностью</a:t>
              </a:r>
            </a:p>
          </p:txBody>
        </p:sp>
        <p:sp>
          <p:nvSpPr>
            <p:cNvPr id="10" name="Text Box 2">
              <a:extLst>
                <a:ext uri="{FF2B5EF4-FFF2-40B4-BE49-F238E27FC236}">
                  <a16:creationId xmlns="" xmlns:a16="http://schemas.microsoft.com/office/drawing/2014/main" id="{5007C67C-B24E-47D3-B368-2391FFB4BFC5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8983980" y="4491975"/>
              <a:ext cx="2066925" cy="880738"/>
            </a:xfrm>
            <a:prstGeom prst="rect">
              <a:avLst/>
            </a:prstGeom>
            <a:solidFill>
              <a:schemeClr val="bg1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/>
                  <a:cs typeface="Calibri" charset="0"/>
                </a:rPr>
                <a:t>Добавить или заменить на </a:t>
              </a:r>
              <a:r>
                <a:rPr kumimoji="0" lang="ru-RU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/>
                  <a:cs typeface="Calibri" charset="0"/>
                </a:rPr>
                <a:t>иSGLT2</a:t>
              </a:r>
              <a:r>
                <a:rPr kumimoji="0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A5A5A"/>
                  </a:solidFill>
                  <a:effectLst/>
                  <a:uLnTx/>
                  <a:uFillTx/>
                  <a:latin typeface="Arial"/>
                  <a:cs typeface="Arial"/>
                </a:rPr>
                <a:t/>
              </a:r>
              <a:br>
                <a:rPr kumimoji="0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5A5A5A"/>
                  </a:solidFill>
                  <a:effectLst/>
                  <a:uLnTx/>
                  <a:uFillTx/>
                  <a:latin typeface="Arial"/>
                  <a:cs typeface="Arial"/>
                </a:rPr>
              </a:br>
              <a:r>
                <a:rPr kumimoji="0" lang="ru-RU" sz="1400" b="1" i="0" u="none" strike="noStrike" kern="1200" cap="none" spc="0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с доказанной эффективностью</a:t>
              </a:r>
            </a:p>
          </p:txBody>
        </p:sp>
        <p:sp>
          <p:nvSpPr>
            <p:cNvPr id="28" name="Text Box 2">
              <a:extLst>
                <a:ext uri="{FF2B5EF4-FFF2-40B4-BE49-F238E27FC236}">
                  <a16:creationId xmlns="" xmlns:a16="http://schemas.microsoft.com/office/drawing/2014/main" id="{E0110737-79A5-4269-A8D0-250EF01CF5D1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6415087" y="3303130"/>
              <a:ext cx="2228849" cy="471488"/>
            </a:xfrm>
            <a:prstGeom prst="rect">
              <a:avLst/>
            </a:prstGeom>
            <a:solidFill>
              <a:srgbClr val="C00000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7000"/>
                </a:lnSpc>
                <a:spcBef>
                  <a:spcPct val="0"/>
                </a:spcBef>
                <a:spcAft>
                  <a:spcPts val="8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2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СН</a:t>
              </a:r>
              <a:endParaRPr kumimoji="0" lang="en-US" sz="3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itchFamily="34" charset="0"/>
                <a:ea typeface="SimSun" panose="02010600030101010101" pitchFamily="2" charset="-122"/>
                <a:cs typeface="Arial" panose="020B0604020202020204" pitchFamily="34" charset="0"/>
              </a:endParaRPr>
            </a:p>
          </p:txBody>
        </p:sp>
        <p:sp>
          <p:nvSpPr>
            <p:cNvPr id="30" name="Text Box 2">
              <a:extLst>
                <a:ext uri="{FF2B5EF4-FFF2-40B4-BE49-F238E27FC236}">
                  <a16:creationId xmlns="" xmlns:a16="http://schemas.microsoft.com/office/drawing/2014/main" id="{8B55776B-FA79-412A-84D9-692A95A11047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8903017" y="3303130"/>
              <a:ext cx="2228849" cy="471488"/>
            </a:xfrm>
            <a:prstGeom prst="rect">
              <a:avLst/>
            </a:prstGeom>
            <a:solidFill>
              <a:srgbClr val="00B050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7000"/>
                </a:lnSpc>
                <a:spcBef>
                  <a:spcPct val="0"/>
                </a:spcBef>
                <a:spcAft>
                  <a:spcPts val="8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2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ХБП</a:t>
              </a:r>
              <a:endParaRPr kumimoji="0" lang="en-US" sz="36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itchFamily="34" charset="0"/>
                <a:ea typeface="SimSun" panose="02010600030101010101" pitchFamily="2" charset="-122"/>
                <a:cs typeface="Arial" panose="020B0604020202020204" pitchFamily="34" charset="0"/>
              </a:endParaRPr>
            </a:p>
          </p:txBody>
        </p:sp>
        <p:sp>
          <p:nvSpPr>
            <p:cNvPr id="32" name="Text Box 2">
              <a:extLst>
                <a:ext uri="{FF2B5EF4-FFF2-40B4-BE49-F238E27FC236}">
                  <a16:creationId xmlns="" xmlns:a16="http://schemas.microsoft.com/office/drawing/2014/main" id="{CF665B9B-F2BC-497C-85A7-3DD9CF23B084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8890317" y="5438775"/>
              <a:ext cx="2228849" cy="571500"/>
            </a:xfrm>
            <a:prstGeom prst="rect">
              <a:avLst/>
            </a:prstGeom>
            <a:noFill/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800" b="0" i="0" u="none" strike="noStrike" kern="1200" cap="none" spc="0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При плохой переносимости или противопоказаниях к применению иSGLT2, к схеме терапии рекомендуется добавить или заменить на </a:t>
              </a:r>
              <a:r>
                <a:rPr kumimoji="0" lang="ru-RU" sz="800" b="1" i="0" u="none" strike="noStrike" kern="1200" cap="none" spc="0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арГПП-1</a:t>
              </a:r>
              <a:r>
                <a:rPr kumimoji="0" lang="ru-RU" sz="800" b="0" i="0" u="none" strike="noStrike" kern="1200" cap="none" spc="0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 с доказанной эффективностью</a:t>
              </a:r>
            </a:p>
          </p:txBody>
        </p:sp>
        <p:sp>
          <p:nvSpPr>
            <p:cNvPr id="34" name="Text Box 2">
              <a:extLst>
                <a:ext uri="{FF2B5EF4-FFF2-40B4-BE49-F238E27FC236}">
                  <a16:creationId xmlns="" xmlns:a16="http://schemas.microsoft.com/office/drawing/2014/main" id="{5D71282E-1BE6-4ABD-836A-84E176CAFF71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3929063" y="1583867"/>
              <a:ext cx="7105647" cy="327942"/>
            </a:xfrm>
            <a:prstGeom prst="rect">
              <a:avLst/>
            </a:prstGeom>
            <a:solidFill>
              <a:schemeClr val="bg1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7000"/>
                </a:lnSpc>
                <a:spcBef>
                  <a:spcPct val="0"/>
                </a:spcBef>
                <a:spcAft>
                  <a:spcPts val="8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900" b="1" i="0" u="none" strike="noStrike" kern="1200" cap="none" spc="0" normalizeH="0" baseline="0" noProof="0" dirty="0">
                  <a:ln>
                    <a:noFill/>
                  </a:ln>
                  <a:solidFill>
                    <a:srgbClr val="1C0802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Необходимо независимо рассматривать каждый фактор сердечно-сосудистого и почечного риска при каждом обследовании</a:t>
              </a:r>
              <a:endParaRPr kumimoji="0" lang="en-US" sz="1900" b="1" i="0" u="none" strike="noStrike" kern="1200" cap="none" spc="0" normalizeH="0" baseline="0" noProof="0" dirty="0">
                <a:ln>
                  <a:noFill/>
                </a:ln>
                <a:solidFill>
                  <a:srgbClr val="1C0802"/>
                </a:solidFill>
                <a:effectLst/>
                <a:uLnTx/>
                <a:uFillTx/>
                <a:latin typeface="Calibri" pitchFamily="34" charset="0"/>
                <a:ea typeface="SimSun" panose="02010600030101010101" pitchFamily="2" charset="-122"/>
                <a:cs typeface="Arial" panose="020B0604020202020204" pitchFamily="34" charset="0"/>
              </a:endParaRPr>
            </a:p>
          </p:txBody>
        </p:sp>
        <p:sp>
          <p:nvSpPr>
            <p:cNvPr id="36" name="Text Box 2">
              <a:extLst>
                <a:ext uri="{FF2B5EF4-FFF2-40B4-BE49-F238E27FC236}">
                  <a16:creationId xmlns="" xmlns:a16="http://schemas.microsoft.com/office/drawing/2014/main" id="{D314DBF4-8B8F-46BF-ACBB-4CEFBC456CB3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3929063" y="3873119"/>
              <a:ext cx="2228849" cy="471488"/>
            </a:xfrm>
            <a:prstGeom prst="rect">
              <a:avLst/>
            </a:prstGeom>
            <a:solidFill>
              <a:schemeClr val="bg1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7000"/>
                </a:lnSpc>
                <a:spcBef>
                  <a:spcPct val="0"/>
                </a:spcBef>
                <a:spcAft>
                  <a:spcPts val="8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C0802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Пациенты с АС ССЗ или из группы высокого риска развития АС ССЗ</a:t>
              </a: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1C0802"/>
                </a:solidFill>
                <a:effectLst/>
                <a:uLnTx/>
                <a:uFillTx/>
                <a:latin typeface="Calibri" pitchFamily="34" charset="0"/>
                <a:ea typeface="SimSun" panose="02010600030101010101" pitchFamily="2" charset="-122"/>
                <a:cs typeface="Arial" panose="020B0604020202020204" pitchFamily="34" charset="0"/>
              </a:endParaRPr>
            </a:p>
          </p:txBody>
        </p:sp>
        <p:sp>
          <p:nvSpPr>
            <p:cNvPr id="38" name="Text Box 2">
              <a:extLst>
                <a:ext uri="{FF2B5EF4-FFF2-40B4-BE49-F238E27FC236}">
                  <a16:creationId xmlns="" xmlns:a16="http://schemas.microsoft.com/office/drawing/2014/main" id="{141F412C-CC6C-43EF-A773-24F72ABCFCD7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6415087" y="3873119"/>
              <a:ext cx="2228849" cy="471488"/>
            </a:xfrm>
            <a:prstGeom prst="rect">
              <a:avLst/>
            </a:prstGeom>
            <a:solidFill>
              <a:schemeClr val="bg1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7000"/>
                </a:lnSpc>
                <a:spcBef>
                  <a:spcPct val="0"/>
                </a:spcBef>
                <a:spcAft>
                  <a:spcPts val="8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C0802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Уделите особое внимание пациентам с </a:t>
              </a:r>
              <a:r>
                <a:rPr kumimoji="0" lang="ru-RU" sz="1200" b="0" i="0" u="none" strike="noStrike" kern="1200" cap="none" spc="0" normalizeH="0" baseline="0" noProof="0" dirty="0" err="1">
                  <a:ln>
                    <a:noFill/>
                  </a:ln>
                  <a:solidFill>
                    <a:srgbClr val="1C0802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СНнФВ</a:t>
              </a:r>
              <a:r>
                <a:rPr kumimoji="0" lang="ru-RU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C0802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 (ФВЛЖ &lt; 45%)</a:t>
              </a: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1C0802"/>
                </a:solidFill>
                <a:effectLst/>
                <a:uLnTx/>
                <a:uFillTx/>
                <a:latin typeface="Calibri" pitchFamily="34" charset="0"/>
                <a:ea typeface="SimSun" panose="02010600030101010101" pitchFamily="2" charset="-122"/>
                <a:cs typeface="Arial" panose="020B0604020202020204" pitchFamily="34" charset="0"/>
              </a:endParaRPr>
            </a:p>
          </p:txBody>
        </p:sp>
        <p:sp>
          <p:nvSpPr>
            <p:cNvPr id="40" name="Text Box 2">
              <a:extLst>
                <a:ext uri="{FF2B5EF4-FFF2-40B4-BE49-F238E27FC236}">
                  <a16:creationId xmlns="" xmlns:a16="http://schemas.microsoft.com/office/drawing/2014/main" id="{4709E7E3-1AEB-40B9-937F-21968A36E69E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8983980" y="3873119"/>
              <a:ext cx="2066925" cy="471488"/>
            </a:xfrm>
            <a:prstGeom prst="rect">
              <a:avLst/>
            </a:prstGeom>
            <a:solidFill>
              <a:schemeClr val="bg1"/>
            </a:solidFill>
            <a:ln w="9525">
              <a:noFill/>
              <a:miter lim="800000"/>
            </a:ln>
          </p:spPr>
          <p:txBody>
            <a:bodyPr rot="0" vert="horz" wrap="square" lIns="0" tIns="0" rIns="0" bIns="0" anchor="ctr" anchorCtr="0">
              <a:noAutofit/>
            </a:bodyPr>
            <a:lstStyle/>
            <a:p>
              <a:pPr marL="0" marR="0" lvl="0" indent="0" algn="ctr" defTabSz="914377" rtl="0" eaLnBrk="1" fontAlgn="auto" latinLnBrk="0" hangingPunct="1">
                <a:lnSpc>
                  <a:spcPct val="107000"/>
                </a:lnSpc>
                <a:spcBef>
                  <a:spcPct val="0"/>
                </a:spcBef>
                <a:spcAft>
                  <a:spcPts val="8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ru-RU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C0802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рСКФ 30−60 мл/мин/1,73 м</a:t>
              </a:r>
              <a:r>
                <a:rPr kumimoji="0" lang="ru-RU" sz="1200" b="0" i="0" u="none" strike="noStrike" kern="1200" cap="none" spc="0" normalizeH="0" baseline="30000" noProof="0" dirty="0">
                  <a:ln>
                    <a:noFill/>
                  </a:ln>
                  <a:solidFill>
                    <a:srgbClr val="1C0802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2</a:t>
              </a:r>
              <a:r>
                <a:rPr kumimoji="0" lang="ru-RU" sz="1200" b="0" i="0" u="none" strike="noStrike" kern="1200" cap="none" spc="0" normalizeH="0" baseline="0" noProof="0" dirty="0">
                  <a:ln>
                    <a:noFill/>
                  </a:ln>
                  <a:solidFill>
                    <a:srgbClr val="1C0802"/>
                  </a:solidFill>
                  <a:effectLst/>
                  <a:uLnTx/>
                  <a:uFillTx/>
                  <a:latin typeface="Calibri"/>
                  <a:ea typeface="Calibri" charset="0"/>
                  <a:cs typeface="Calibri" charset="0"/>
                </a:rPr>
                <a:t> или АКС &gt; 30 мг/г</a:t>
              </a: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1C0802"/>
                </a:solidFill>
                <a:effectLst/>
                <a:uLnTx/>
                <a:uFillTx/>
                <a:latin typeface="Calibri" pitchFamily="34" charset="0"/>
                <a:ea typeface="SimSun" panose="02010600030101010101" pitchFamily="2" charset="-122"/>
                <a:cs typeface="Arial" panose="020B0604020202020204" pitchFamily="34" charset="0"/>
              </a:endParaRPr>
            </a:p>
          </p:txBody>
        </p:sp>
      </p:grpSp>
      <p:sp>
        <p:nvSpPr>
          <p:cNvPr id="5" name="Прямоугольник 4">
            <a:extLst>
              <a:ext uri="{FF2B5EF4-FFF2-40B4-BE49-F238E27FC236}">
                <a16:creationId xmlns="" xmlns:a16="http://schemas.microsoft.com/office/drawing/2014/main" id="{81E2A839-B9A3-4796-B1E8-22B8A9C9BC92}"/>
              </a:ext>
            </a:extLst>
          </p:cNvPr>
          <p:cNvSpPr/>
          <p:nvPr/>
        </p:nvSpPr>
        <p:spPr>
          <a:xfrm>
            <a:off x="234848" y="6392020"/>
            <a:ext cx="1172230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6095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арГПП-1 — агонисты рецепторов </a:t>
            </a:r>
            <a:r>
              <a:rPr kumimoji="0" lang="ru-RU" sz="800" b="0" i="0" u="none" strike="noStrike" kern="1200" cap="none" spc="0" normalizeH="0" baseline="0" noProof="0" dirty="0" err="1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глюкагоноподобного</a:t>
            </a: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 пептида-1; иSGLT2 — ингибиторы натрий-глюкозного </a:t>
            </a:r>
            <a:r>
              <a:rPr kumimoji="0" lang="ru-RU" sz="800" b="0" i="0" u="none" strike="noStrike" kern="1200" cap="none" spc="0" normalizeH="0" baseline="0" noProof="0" dirty="0" err="1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котранспортера</a:t>
            </a: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 2-го типа; </a:t>
            </a: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HbA1c – </a:t>
            </a:r>
            <a:r>
              <a:rPr kumimoji="0" lang="ru-RU" sz="800" b="0" i="0" u="none" strike="noStrike" kern="1200" cap="none" spc="0" normalizeH="0" baseline="0" noProof="0" dirty="0" err="1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гликированный</a:t>
            </a: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 гемоглобин; </a:t>
            </a:r>
            <a:r>
              <a:rPr kumimoji="0" lang="ru-RU" sz="800" b="0" i="0" u="none" strike="noStrike" kern="1200" cap="none" spc="0" normalizeH="0" baseline="0" noProof="0" dirty="0" err="1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СНнФВ</a:t>
            </a: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 – сердечная недостаточность со сниженной фракцией выброса; ФВЛЖ – фракция выброса левого желудочка; </a:t>
            </a:r>
            <a:r>
              <a:rPr kumimoji="0" lang="ru-RU" sz="800" b="0" i="0" u="none" strike="noStrike" kern="1200" cap="none" spc="0" normalizeH="0" baseline="0" noProof="0" dirty="0" err="1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рСКФ</a:t>
            </a: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 – расчетная скорость клубочковой фильтрации; АКС – альбумин-креатининовое соотношение; ХБП – хроническая болезнь почек</a:t>
            </a:r>
          </a:p>
          <a:p>
            <a:pPr marL="0" marR="0" lvl="0" indent="0" algn="l" defTabSz="60957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800" b="0" i="0" u="none" strike="noStrike" kern="1200" cap="none" spc="0" normalizeH="0" baseline="0" noProof="0" dirty="0">
                <a:ln>
                  <a:noFill/>
                </a:ln>
                <a:solidFill>
                  <a:srgbClr val="5A5A5A"/>
                </a:solidFill>
                <a:effectLst/>
                <a:uLnTx/>
                <a:uFillTx/>
                <a:latin typeface="Arial"/>
                <a:cs typeface="Arial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692117398"/>
      </p:ext>
    </p:extLst>
  </p:cSld>
  <p:clrMapOvr>
    <a:masterClrMapping/>
  </p:clrMapOvr>
  <p:transition/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>
            <a:extLst>
              <a:ext uri="{FF2B5EF4-FFF2-40B4-BE49-F238E27FC236}">
                <a16:creationId xmlns="" xmlns:a16="http://schemas.microsoft.com/office/drawing/2014/main" id="{33454ED0-EF83-4A02-8879-FDAEDC88A73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09601" y="178098"/>
            <a:ext cx="11463130" cy="9460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121920" tIns="60960" rIns="121920" bIns="60960"/>
          <a:lstStyle>
            <a:lvl1pPr defTabSz="685800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 defTabSz="6858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 defTabSz="6858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 defTabSz="6858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 defTabSz="6858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defTabSz="6858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defTabSz="6858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defTabSz="6858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defTabSz="6858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 lv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None/>
              <a:defRPr/>
            </a:pPr>
            <a:r>
              <a:rPr lang="ru-RU" altLang="ru-RU" sz="2200" dirty="0">
                <a:solidFill>
                  <a:srgbClr val="50329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Выдержки из приказа 1054н МЗ РФ. Перечень лекарственных препаратов для медицинского применения, зарегистрированных на территории РФ.</a:t>
            </a:r>
            <a:endParaRPr kumimoji="0" lang="ru-RU" altLang="ru-RU" sz="2200" i="0" u="none" strike="noStrike" kern="1200" cap="none" spc="0" normalizeH="0" baseline="0" noProof="0" dirty="0">
              <a:ln>
                <a:noFill/>
              </a:ln>
              <a:solidFill>
                <a:srgbClr val="503291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graphicFrame>
        <p:nvGraphicFramePr>
          <p:cNvPr id="4" name="Объект 3"/>
          <p:cNvGraphicFramePr>
            <a:graphicFrameLocks noGrp="1"/>
          </p:cNvGraphicFramePr>
          <p:nvPr>
            <p:ph idx="1"/>
          </p:nvPr>
        </p:nvGraphicFramePr>
        <p:xfrm>
          <a:off x="391886" y="1449977"/>
          <a:ext cx="5421085" cy="521208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7" name="Объект 3"/>
          <p:cNvGraphicFramePr>
            <a:graphicFrameLocks/>
          </p:cNvGraphicFramePr>
          <p:nvPr/>
        </p:nvGraphicFramePr>
        <p:xfrm>
          <a:off x="6239692" y="1510937"/>
          <a:ext cx="5421085" cy="521208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4185289262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Заголовок 3">
            <a:extLst>
              <a:ext uri="{FF2B5EF4-FFF2-40B4-BE49-F238E27FC236}">
                <a16:creationId xmlns="" xmlns:a16="http://schemas.microsoft.com/office/drawing/2014/main" id="{F70B33CE-9461-4BC9-82C6-6CD94E8C7DD9}"/>
              </a:ext>
            </a:extLst>
          </p:cNvPr>
          <p:cNvSpPr txBox="1">
            <a:spLocks/>
          </p:cNvSpPr>
          <p:nvPr/>
        </p:nvSpPr>
        <p:spPr>
          <a:xfrm>
            <a:off x="876300" y="177801"/>
            <a:ext cx="10337801" cy="121285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defRPr/>
            </a:pPr>
            <a:r>
              <a:rPr lang="ru-RU" sz="2400" dirty="0">
                <a:solidFill>
                  <a:schemeClr val="accent5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Вид </a:t>
            </a:r>
            <a:r>
              <a:rPr lang="ru-RU" sz="2400" dirty="0" err="1">
                <a:solidFill>
                  <a:schemeClr val="accent5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сахароснижающей</a:t>
            </a:r>
            <a:r>
              <a:rPr lang="ru-RU" sz="2400" dirty="0">
                <a:solidFill>
                  <a:schemeClr val="accent5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терапии у больных СД2 по данным регистра в Новосибирской области</a:t>
            </a:r>
          </a:p>
        </p:txBody>
      </p:sp>
      <p:graphicFrame>
        <p:nvGraphicFramePr>
          <p:cNvPr id="5" name="Диаграмма 4">
            <a:extLst>
              <a:ext uri="{FF2B5EF4-FFF2-40B4-BE49-F238E27FC236}">
                <a16:creationId xmlns="" xmlns:a16="http://schemas.microsoft.com/office/drawing/2014/main" id="{1E73ECA0-4934-4CD5-A042-8F27DE67184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82808754"/>
              </p:ext>
            </p:extLst>
          </p:nvPr>
        </p:nvGraphicFramePr>
        <p:xfrm>
          <a:off x="391887" y="1397000"/>
          <a:ext cx="11306628" cy="482450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6" name="Прямоугольник 2">
            <a:extLst>
              <a:ext uri="{FF2B5EF4-FFF2-40B4-BE49-F238E27FC236}">
                <a16:creationId xmlns="" xmlns:a16="http://schemas.microsoft.com/office/drawing/2014/main" id="{464B5F76-D321-484A-B439-46C984554E2F}"/>
              </a:ext>
            </a:extLst>
          </p:cNvPr>
          <p:cNvSpPr>
            <a:spLocks noChangeArrowheads="1"/>
          </p:cNvSpPr>
          <p:nvPr/>
        </p:nvSpPr>
        <p:spPr bwMode="auto">
          <a:xfrm>
            <a:off x="1600200" y="6578600"/>
            <a:ext cx="4572000" cy="230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r>
              <a:rPr lang="ru-RU" altLang="ru-RU" sz="900" dirty="0">
                <a:solidFill>
                  <a:srgbClr val="000000"/>
                </a:solidFill>
                <a:latin typeface="Times New Roman" panose="02020603050405020304" pitchFamily="18" charset="0"/>
              </a:rPr>
              <a:t>Данные регистра Новосибирской области</a:t>
            </a:r>
          </a:p>
        </p:txBody>
      </p:sp>
    </p:spTree>
    <p:extLst>
      <p:ext uri="{BB962C8B-B14F-4D97-AF65-F5344CB8AC3E}">
        <p14:creationId xmlns:p14="http://schemas.microsoft.com/office/powerpoint/2010/main" val="354217742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Rektangel 6">
            <a:extLst>
              <a:ext uri="{FF2B5EF4-FFF2-40B4-BE49-F238E27FC236}">
                <a16:creationId xmlns:a16="http://schemas.microsoft.com/office/drawing/2014/main" xmlns="" id="{5C879D9F-5788-7F4D-A31D-FB77750686DD}"/>
              </a:ext>
            </a:extLst>
          </p:cNvPr>
          <p:cNvSpPr/>
          <p:nvPr/>
        </p:nvSpPr>
        <p:spPr>
          <a:xfrm>
            <a:off x="611999" y="2004411"/>
            <a:ext cx="11243433" cy="3824889"/>
          </a:xfrm>
          <a:prstGeom prst="rect">
            <a:avLst/>
          </a:prstGeom>
          <a:solidFill>
            <a:srgbClr val="EFF0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DFF0EF"/>
              </a:solidFill>
              <a:effectLst/>
              <a:uLnTx/>
              <a:uFillTx/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24" name="Прямоугольник 23"/>
          <p:cNvSpPr/>
          <p:nvPr/>
        </p:nvSpPr>
        <p:spPr>
          <a:xfrm>
            <a:off x="8249938" y="2408493"/>
            <a:ext cx="3245644" cy="2592000"/>
          </a:xfrm>
          <a:prstGeom prst="rect">
            <a:avLst/>
          </a:prstGeom>
          <a:solidFill>
            <a:srgbClr val="F8F7F3"/>
          </a:solidFill>
          <a:ln w="4762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ru-RU" sz="2000" noProof="0" dirty="0" err="1">
              <a:ea typeface="Apis" panose="020B0504010101010104" pitchFamily="34" charset="0"/>
              <a:cs typeface="Apis" panose="020B0504010101010104" pitchFamily="34" charset="0"/>
            </a:endParaRPr>
          </a:p>
        </p:txBody>
      </p:sp>
      <p:sp>
        <p:nvSpPr>
          <p:cNvPr id="8" name="Прямоугольник 7"/>
          <p:cNvSpPr/>
          <p:nvPr/>
        </p:nvSpPr>
        <p:spPr>
          <a:xfrm>
            <a:off x="944466" y="2408493"/>
            <a:ext cx="3245644" cy="2592000"/>
          </a:xfrm>
          <a:prstGeom prst="rect">
            <a:avLst/>
          </a:prstGeom>
          <a:solidFill>
            <a:srgbClr val="F8F7F3"/>
          </a:solidFill>
          <a:ln w="4762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ru-RU" sz="2000" noProof="0" dirty="0" err="1"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26" name="Titel 1">
            <a:extLst>
              <a:ext uri="{FF2B5EF4-FFF2-40B4-BE49-F238E27FC236}">
                <a16:creationId xmlns:a16="http://schemas.microsoft.com/office/drawing/2014/main" xmlns="" id="{800A40E5-16B1-8145-9464-7414E92AC70E}"/>
              </a:ext>
            </a:extLst>
          </p:cNvPr>
          <p:cNvSpPr txBox="1">
            <a:spLocks/>
          </p:cNvSpPr>
          <p:nvPr/>
        </p:nvSpPr>
        <p:spPr>
          <a:xfrm>
            <a:off x="612000" y="612000"/>
            <a:ext cx="11243433" cy="738664"/>
          </a:xfrm>
          <a:prstGeom prst="rect">
            <a:avLst/>
          </a:prstGeom>
        </p:spPr>
        <p:txBody>
          <a:bodyPr lIns="0" tIns="0" rIns="0" bIns="0">
            <a:sp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3600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 defTabSz="1219170">
              <a:tabLst>
                <a:tab pos="171450" algn="l"/>
              </a:tabLst>
              <a:defRPr/>
            </a:pPr>
            <a:r>
              <a:rPr lang="ru-RU" sz="24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ердечно-сосудистые заболевания должны быть ключевым фактором выбора терапии при СД2 </a:t>
            </a: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xmlns="" id="{F8778DB8-CE62-8040-86AB-26B70A93A7F1}"/>
              </a:ext>
            </a:extLst>
          </p:cNvPr>
          <p:cNvSpPr/>
          <p:nvPr/>
        </p:nvSpPr>
        <p:spPr>
          <a:xfrm>
            <a:off x="611998" y="5268447"/>
            <a:ext cx="11243433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R="0" lvl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Важен </a:t>
            </a:r>
            <a:r>
              <a:rPr kumimoji="0" lang="ru-RU" sz="18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активный скрининг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пациентов для определения </a:t>
            </a:r>
            <a:r>
              <a:rPr kumimoji="0" lang="ru-RU" sz="18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ердечно-сосудистого риска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64656A"/>
              </a:solidFill>
              <a:effectLst/>
              <a:uLnTx/>
              <a:uFillTx/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1646" y="2384702"/>
            <a:ext cx="1589445" cy="165427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67705" y="2388829"/>
            <a:ext cx="3350350" cy="2664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451659" y="2531964"/>
            <a:ext cx="1802025" cy="1295758"/>
          </a:xfrm>
          <a:prstGeom prst="rect">
            <a:avLst/>
          </a:prstGeom>
        </p:spPr>
      </p:pic>
      <p:sp>
        <p:nvSpPr>
          <p:cNvPr id="10" name="Footnote">
            <a:extLst>
              <a:ext uri="{FF2B5EF4-FFF2-40B4-BE49-F238E27FC236}">
                <a16:creationId xmlns:a16="http://schemas.microsoft.com/office/drawing/2014/main" xmlns="" id="{06D81818-6660-4391-B7BC-720993760B6D}"/>
              </a:ext>
            </a:extLst>
          </p:cNvPr>
          <p:cNvSpPr txBox="1">
            <a:spLocks/>
          </p:cNvSpPr>
          <p:nvPr/>
        </p:nvSpPr>
        <p:spPr bwMode="auto">
          <a:xfrm>
            <a:off x="611998" y="6347339"/>
            <a:ext cx="9902013" cy="3231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r" defTabSz="1171865" rtl="0" eaLnBrk="1" latinLnBrk="0" hangingPunct="1">
              <a:spcBef>
                <a:spcPct val="0"/>
              </a:spcBef>
              <a:defRPr sz="800" b="0" kern="1200">
                <a:solidFill>
                  <a:schemeClr val="accent3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17186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700" b="0" i="0" u="none" strike="noStrike" kern="1200" cap="none" spc="0" normalizeH="0" baseline="0" noProof="0" dirty="0" err="1">
                <a:ln>
                  <a:noFill/>
                </a:ln>
                <a:solidFill>
                  <a:srgbClr val="939AA7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Mosenzon</a:t>
            </a:r>
            <a:r>
              <a:rPr kumimoji="0" lang="en-GB" sz="700" b="0" i="0" u="none" strike="noStrike" kern="1200" cap="none" spc="0" normalizeH="0" baseline="0" noProof="0" dirty="0">
                <a:ln>
                  <a:noFill/>
                </a:ln>
                <a:solidFill>
                  <a:srgbClr val="939AA7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O, </a:t>
            </a:r>
            <a:r>
              <a:rPr kumimoji="0" lang="en-GB" sz="700" b="0" i="0" u="none" strike="noStrike" kern="1200" cap="none" spc="0" normalizeH="0" baseline="0" noProof="0" dirty="0" err="1">
                <a:ln>
                  <a:noFill/>
                </a:ln>
                <a:solidFill>
                  <a:srgbClr val="939AA7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Alguwaihes</a:t>
            </a:r>
            <a:r>
              <a:rPr kumimoji="0" lang="en-GB" sz="700" b="0" i="0" u="none" strike="noStrike" kern="1200" cap="none" spc="0" normalizeH="0" baseline="0" noProof="0" dirty="0">
                <a:ln>
                  <a:noFill/>
                </a:ln>
                <a:solidFill>
                  <a:srgbClr val="939AA7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A, Arenas Leon J.L., et al. CAPTURE: a cross-sectional study of the contemporary (2019) prevalence of cardiovascular disease in adults with type 2 diabetes across 13 countries. Abstract 158. Presented at the 56th Annual Meeting of the European Association of the Study of Diabetes, Macrovascular complications and beyond, 10:15 CEST on 24 September 2020.</a:t>
            </a:r>
            <a:endParaRPr kumimoji="0" lang="ru-RU" sz="700" b="0" i="0" u="none" strike="noStrike" kern="1200" cap="none" spc="0" normalizeH="0" baseline="0" noProof="0" dirty="0">
              <a:ln>
                <a:noFill/>
              </a:ln>
              <a:solidFill>
                <a:srgbClr val="939AA7"/>
              </a:solidFill>
              <a:effectLst/>
              <a:uLnTx/>
              <a:uFillTx/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pPr marL="0" marR="0" lvl="0" indent="0" algn="l" defTabSz="117186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700" b="1" i="0" u="none" strike="noStrike" kern="1200" cap="none" spc="0" normalizeH="0" baseline="0" noProof="0" dirty="0">
                <a:ln>
                  <a:noFill/>
                </a:ln>
                <a:solidFill>
                  <a:srgbClr val="939AA7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Д2, сахарный диабет 2 типа, ССЗ, сердечно-сосудистые заболевания,</a:t>
            </a:r>
            <a:endParaRPr kumimoji="0" lang="en-GB" sz="700" b="1" i="0" u="none" strike="noStrike" kern="1200" cap="none" spc="0" normalizeH="0" baseline="0" noProof="0" dirty="0">
              <a:ln>
                <a:noFill/>
              </a:ln>
              <a:solidFill>
                <a:srgbClr val="939AA7"/>
              </a:solidFill>
              <a:effectLst/>
              <a:uLnTx/>
              <a:uFillTx/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xmlns="" id="{702BEA02-4C88-4DA5-A1C1-96CE88830FA8}"/>
              </a:ext>
            </a:extLst>
          </p:cNvPr>
          <p:cNvSpPr txBox="1"/>
          <p:nvPr/>
        </p:nvSpPr>
        <p:spPr>
          <a:xfrm>
            <a:off x="1176731" y="4440372"/>
            <a:ext cx="2636512" cy="443198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ВСЕХ 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ПАЦИЕНТОВ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С 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Д2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ИМЕЮТ УСТАНОВЛЕННЫЕ 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СЗ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xmlns="" id="{07E003C0-0922-48F0-BDFC-82BB283F96A6}"/>
              </a:ext>
            </a:extLst>
          </p:cNvPr>
          <p:cNvSpPr txBox="1"/>
          <p:nvPr/>
        </p:nvSpPr>
        <p:spPr>
          <a:xfrm>
            <a:off x="4727428" y="3627896"/>
            <a:ext cx="2953583" cy="1310702"/>
          </a:xfrm>
          <a:prstGeom prst="rect">
            <a:avLst/>
          </a:prstGeom>
          <a:solidFill>
            <a:srgbClr val="F8F7F3"/>
          </a:solidFill>
        </p:spPr>
        <p:txBody>
          <a:bodyPr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200" b="1" i="0" u="none" strike="noStrike" kern="1200" cap="none" spc="0" normalizeH="0" baseline="0" noProof="0" dirty="0">
              <a:ln>
                <a:noFill/>
              </a:ln>
              <a:solidFill>
                <a:srgbClr val="64656A"/>
              </a:solidFill>
              <a:effectLst/>
              <a:uLnTx/>
              <a:uFillTx/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200" b="1" i="0" u="none" strike="noStrike" kern="1200" cap="none" spc="0" normalizeH="0" baseline="0" noProof="0" dirty="0">
              <a:ln>
                <a:noFill/>
              </a:ln>
              <a:solidFill>
                <a:srgbClr val="64656A"/>
              </a:solidFill>
              <a:effectLst/>
              <a:uLnTx/>
              <a:uFillTx/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ПАЦИЕНТОВ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С 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Д2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b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</a:b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И УСТАНОВЛЕННЫМИ 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СЗ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ИМЕЮТ 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АТЕРОСКЛЕРОТИЧЕСКИЕ ССЗ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xmlns="" id="{CC755C04-12E0-4E19-A50D-2E4B78C80E7B}"/>
              </a:ext>
            </a:extLst>
          </p:cNvPr>
          <p:cNvSpPr txBox="1"/>
          <p:nvPr/>
        </p:nvSpPr>
        <p:spPr>
          <a:xfrm>
            <a:off x="8428075" y="3827721"/>
            <a:ext cx="3055088" cy="11079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ПАЦИЕНТОВ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С 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Д2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И УСТАНОВЛЕННЫМИ 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СЗ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ПОЛУЧАЮТ 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АХАРОСНИЖАЮЩИЕ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ПРЕПАРАТЫ </a:t>
            </a:r>
            <a:b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</a:b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 ДОКАЗАННЫМИ </a:t>
            </a:r>
            <a:r>
              <a:rPr kumimoji="0" lang="ru-RU" sz="1200" b="1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СЕРДЕЧНО-СОСУДИСТЫМИ</a:t>
            </a:r>
            <a:r>
              <a:rPr kumimoji="0" lang="ru-RU" sz="1200" b="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ПРЕИМУЩЕСТВАМИ</a:t>
            </a:r>
            <a:endParaRPr kumimoji="0" lang="ru-RU" sz="1200" b="1" i="0" u="none" strike="noStrike" kern="1200" cap="none" spc="0" normalizeH="0" baseline="0" noProof="0" dirty="0">
              <a:ln>
                <a:noFill/>
              </a:ln>
              <a:solidFill>
                <a:srgbClr val="64656A"/>
              </a:solidFill>
              <a:effectLst/>
              <a:uLnTx/>
              <a:uFillTx/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xmlns="" id="{504993AE-1B0D-4652-86C6-5F6250B5A9E7}"/>
              </a:ext>
            </a:extLst>
          </p:cNvPr>
          <p:cNvSpPr txBox="1"/>
          <p:nvPr/>
        </p:nvSpPr>
        <p:spPr>
          <a:xfrm>
            <a:off x="8428075" y="2522349"/>
            <a:ext cx="1090829" cy="2215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2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200" i="0" u="none" strike="noStrike" kern="1200" cap="none" spc="0" normalizeH="0" baseline="0" noProof="0" dirty="0">
                <a:ln>
                  <a:noFill/>
                </a:ln>
                <a:solidFill>
                  <a:srgbClr val="64656A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ТОЛЬКО</a:t>
            </a:r>
            <a:endParaRPr kumimoji="0" lang="en-GB" sz="1200" i="0" u="none" strike="noStrike" kern="1200" cap="none" spc="0" normalizeH="0" baseline="0" noProof="0" dirty="0" err="1">
              <a:ln>
                <a:noFill/>
              </a:ln>
              <a:solidFill>
                <a:srgbClr val="64656A"/>
              </a:solidFill>
              <a:effectLst/>
              <a:uLnTx/>
              <a:uFillTx/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Slide Number Placeholder 6">
            <a:extLst>
              <a:ext uri="{FF2B5EF4-FFF2-40B4-BE49-F238E27FC236}">
                <a16:creationId xmlns:a16="http://schemas.microsoft.com/office/drawing/2014/main" xmlns="" id="{A6306708-6696-8941-B200-0D963452EB23}"/>
              </a:ext>
            </a:extLst>
          </p:cNvPr>
          <p:cNvSpPr txBox="1">
            <a:spLocks/>
          </p:cNvSpPr>
          <p:nvPr/>
        </p:nvSpPr>
        <p:spPr>
          <a:xfrm>
            <a:off x="324000" y="315291"/>
            <a:ext cx="324000" cy="1258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rgbClr val="939AA7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489B60BE-EA1C-42F5-91D9-8D974AEADA1F}" type="slidenum">
              <a:rPr lang="ru-RU" smtClean="0">
                <a:highlight>
                  <a:srgbClr val="000000">
                    <a:alpha val="0"/>
                  </a:srgbClr>
                </a:highlight>
                <a:ea typeface="Apis" panose="020B0504010101010104" pitchFamily="34" charset="0"/>
                <a:cs typeface="Apis" panose="020B0504010101010104" pitchFamily="34" charset="0"/>
              </a:rPr>
              <a:pPr/>
              <a:t>26</a:t>
            </a:fld>
            <a:endParaRPr lang="en-GB" dirty="0">
              <a:ea typeface="Apis" panose="020B0504010101010104" pitchFamily="34" charset="0"/>
              <a:cs typeface="Apis" panose="020B0504010101010104" pitchFamily="34" charset="0"/>
            </a:endParaRPr>
          </a:p>
        </p:txBody>
      </p:sp>
      <p:grpSp>
        <p:nvGrpSpPr>
          <p:cNvPr id="9" name="Группа 8"/>
          <p:cNvGrpSpPr/>
          <p:nvPr/>
        </p:nvGrpSpPr>
        <p:grpSpPr>
          <a:xfrm>
            <a:off x="2427880" y="2600691"/>
            <a:ext cx="600391" cy="1495794"/>
            <a:chOff x="2123677" y="2609612"/>
            <a:chExt cx="600391" cy="1495794"/>
          </a:xfrm>
        </p:grpSpPr>
        <p:sp>
          <p:nvSpPr>
            <p:cNvPr id="17" name="TextBox 16"/>
            <p:cNvSpPr txBox="1"/>
            <p:nvPr/>
          </p:nvSpPr>
          <p:spPr>
            <a:xfrm>
              <a:off x="2123677" y="2609612"/>
              <a:ext cx="545709" cy="149579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r">
                <a:lnSpc>
                  <a:spcPct val="90000"/>
                </a:lnSpc>
              </a:pPr>
              <a:r>
                <a:rPr lang="ru-RU" sz="5400" dirty="0">
                  <a:solidFill>
                    <a:srgbClr val="64656A"/>
                  </a:solidFill>
                  <a:latin typeface="Apis Black" panose="020B0A04010101010104" pitchFamily="34" charset="0"/>
                  <a:ea typeface="Apis Black" panose="020B0A04010101010104" pitchFamily="34" charset="0"/>
                  <a:cs typeface="Apis Black" panose="020B0A04010101010104" pitchFamily="34" charset="0"/>
                </a:rPr>
                <a:t>1</a:t>
              </a:r>
            </a:p>
            <a:p>
              <a:pPr algn="r">
                <a:lnSpc>
                  <a:spcPct val="90000"/>
                </a:lnSpc>
              </a:pPr>
              <a:r>
                <a:rPr lang="ru-RU" sz="5400" dirty="0">
                  <a:solidFill>
                    <a:srgbClr val="ED7801"/>
                  </a:solidFill>
                  <a:latin typeface="Apis Black" panose="020B0A04010101010104" pitchFamily="34" charset="0"/>
                  <a:ea typeface="Apis Black" panose="020B0A04010101010104" pitchFamily="34" charset="0"/>
                  <a:cs typeface="Apis Black" panose="020B0A04010101010104" pitchFamily="34" charset="0"/>
                </a:rPr>
                <a:t>3</a:t>
              </a:r>
            </a:p>
          </p:txBody>
        </p:sp>
        <p:sp>
          <p:nvSpPr>
            <p:cNvPr id="18" name="Прямоугольник 17"/>
            <p:cNvSpPr/>
            <p:nvPr/>
          </p:nvSpPr>
          <p:spPr>
            <a:xfrm>
              <a:off x="2269709" y="3258881"/>
              <a:ext cx="454359" cy="89256"/>
            </a:xfrm>
            <a:prstGeom prst="rect">
              <a:avLst/>
            </a:prstGeom>
            <a:solidFill>
              <a:srgbClr val="ED780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ru-RU" sz="2000" noProof="0" dirty="0" err="1">
                <a:ea typeface="Apis" panose="020B0504010101010104" pitchFamily="34" charset="0"/>
                <a:cs typeface="Apis" panose="020B0504010101010104" pitchFamily="34" charset="0"/>
              </a:endParaRPr>
            </a:p>
          </p:txBody>
        </p:sp>
      </p:grpSp>
      <p:sp>
        <p:nvSpPr>
          <p:cNvPr id="22" name="TextBox 21"/>
          <p:cNvSpPr txBox="1"/>
          <p:nvPr/>
        </p:nvSpPr>
        <p:spPr>
          <a:xfrm>
            <a:off x="8489953" y="2726348"/>
            <a:ext cx="824228" cy="182819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ru-RU" sz="4400" dirty="0">
                <a:solidFill>
                  <a:srgbClr val="ED7801"/>
                </a:solidFill>
                <a:latin typeface="Apis Black" panose="020B0A04010101010104" pitchFamily="34" charset="0"/>
                <a:ea typeface="Apis Black" panose="020B0A04010101010104" pitchFamily="34" charset="0"/>
                <a:cs typeface="Apis Black" panose="020B0A04010101010104" pitchFamily="34" charset="0"/>
              </a:rPr>
              <a:t>2</a:t>
            </a:r>
          </a:p>
          <a:p>
            <a:pPr algn="ctr">
              <a:lnSpc>
                <a:spcPct val="90000"/>
              </a:lnSpc>
            </a:pPr>
            <a:r>
              <a:rPr lang="ru-RU" sz="4400" dirty="0">
                <a:solidFill>
                  <a:srgbClr val="64656A"/>
                </a:solidFill>
                <a:latin typeface="Apis Black" panose="020B0A04010101010104" pitchFamily="34" charset="0"/>
                <a:ea typeface="Apis Black" panose="020B0A04010101010104" pitchFamily="34" charset="0"/>
                <a:cs typeface="Apis Black" panose="020B0A04010101010104" pitchFamily="34" charset="0"/>
              </a:rPr>
              <a:t>10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4683002" y="2581027"/>
            <a:ext cx="824228" cy="1218795"/>
          </a:xfrm>
          <a:prstGeom prst="rect">
            <a:avLst/>
          </a:prstGeom>
          <a:solidFill>
            <a:srgbClr val="F8F7F3"/>
          </a:solidFill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ru-RU" sz="4400" dirty="0">
                <a:solidFill>
                  <a:srgbClr val="ED7801"/>
                </a:solidFill>
                <a:latin typeface="Apis Black" panose="020B0A04010101010104" pitchFamily="34" charset="0"/>
                <a:ea typeface="Apis Black" panose="020B0A04010101010104" pitchFamily="34" charset="0"/>
                <a:cs typeface="Apis Black" panose="020B0A04010101010104" pitchFamily="34" charset="0"/>
              </a:rPr>
              <a:t>9</a:t>
            </a:r>
          </a:p>
          <a:p>
            <a:pPr algn="ctr">
              <a:lnSpc>
                <a:spcPct val="90000"/>
              </a:lnSpc>
            </a:pPr>
            <a:r>
              <a:rPr lang="ru-RU" sz="4400" dirty="0">
                <a:solidFill>
                  <a:srgbClr val="64656A"/>
                </a:solidFill>
                <a:latin typeface="Apis Black" panose="020B0A04010101010104" pitchFamily="34" charset="0"/>
                <a:ea typeface="Apis Black" panose="020B0A04010101010104" pitchFamily="34" charset="0"/>
                <a:cs typeface="Apis Black" panose="020B0A04010101010104" pitchFamily="34" charset="0"/>
              </a:rPr>
              <a:t>10</a:t>
            </a:r>
          </a:p>
        </p:txBody>
      </p:sp>
      <p:sp>
        <p:nvSpPr>
          <p:cNvPr id="23" name="Прямоугольник 22"/>
          <p:cNvSpPr/>
          <p:nvPr/>
        </p:nvSpPr>
        <p:spPr>
          <a:xfrm>
            <a:off x="4742875" y="3102791"/>
            <a:ext cx="686255" cy="75126"/>
          </a:xfrm>
          <a:prstGeom prst="rect">
            <a:avLst/>
          </a:prstGeom>
          <a:solidFill>
            <a:srgbClr val="ED780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ru-RU" sz="4400" noProof="0" dirty="0" err="1">
              <a:ea typeface="Apis" panose="020B0504010101010104" pitchFamily="34" charset="0"/>
              <a:cs typeface="Apis" panose="020B0504010101010104" pitchFamily="34" charset="0"/>
            </a:endParaRPr>
          </a:p>
        </p:txBody>
      </p:sp>
      <p:sp>
        <p:nvSpPr>
          <p:cNvPr id="27" name="Прямоугольник 26"/>
          <p:cNvSpPr/>
          <p:nvPr/>
        </p:nvSpPr>
        <p:spPr>
          <a:xfrm>
            <a:off x="8566517" y="3246278"/>
            <a:ext cx="686255" cy="75126"/>
          </a:xfrm>
          <a:prstGeom prst="rect">
            <a:avLst/>
          </a:prstGeom>
          <a:solidFill>
            <a:srgbClr val="ED780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ru-RU" sz="4400" noProof="0" dirty="0" err="1">
              <a:ea typeface="Apis" panose="020B0504010101010104" pitchFamily="34" charset="0"/>
              <a:cs typeface="Apis" panose="020B05040101010101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52764902"/>
      </p:ext>
    </p:extLst>
  </p:cSld>
  <p:clrMapOvr>
    <a:masterClrMapping/>
  </p:clrMapOvr>
  <p:transition/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369768" y="201409"/>
            <a:ext cx="11347200" cy="521883"/>
          </a:xfrm>
        </p:spPr>
        <p:txBody>
          <a:bodyPr/>
          <a:lstStyle/>
          <a:p>
            <a:r>
              <a:rPr lang="ru-RU" b="1" dirty="0" smtClean="0">
                <a:latin typeface="Verdana" pitchFamily="34" charset="0"/>
                <a:ea typeface="Verdana" pitchFamily="34" charset="0"/>
                <a:cs typeface="Verdana" pitchFamily="34" charset="0"/>
              </a:rPr>
              <a:t>Заключение</a:t>
            </a:r>
            <a:endParaRPr lang="ru-RU" b="1" dirty="0"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5" name="Прямоугольник 4"/>
          <p:cNvSpPr/>
          <p:nvPr/>
        </p:nvSpPr>
        <p:spPr>
          <a:xfrm>
            <a:off x="605364" y="1162796"/>
            <a:ext cx="11111604" cy="4862870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pPr marL="342900" lvl="0" indent="-342900" defTabSz="9144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kumimoji="0" lang="ru-RU" sz="2000" b="0" i="0" u="none" strike="noStrike" kern="1200" cap="none" spc="0" normalizeH="0" baseline="0" noProof="0" dirty="0">
                <a:ln>
                  <a:noFill/>
                </a:ln>
                <a:solidFill>
                  <a:srgbClr val="17375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Распространенность</a:t>
            </a:r>
            <a:r>
              <a:rPr kumimoji="0" lang="ru-RU" sz="2000" b="0" i="0" u="none" strike="noStrike" kern="1200" cap="none" spc="0" normalizeH="0" noProof="0" dirty="0">
                <a:ln>
                  <a:noFill/>
                </a:ln>
                <a:solidFill>
                  <a:srgbClr val="17375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СД2 на территории Новосибирской области </a:t>
            </a:r>
            <a:r>
              <a:rPr lang="ru-RU" sz="2000" dirty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выше по сравнению с </a:t>
            </a: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РФ (3193.37 </a:t>
            </a:r>
            <a:r>
              <a:rPr lang="ru-RU" sz="2000" dirty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на 100 тыс. </a:t>
            </a: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населения), а </a:t>
            </a:r>
            <a:r>
              <a:rPr kumimoji="0" lang="ru-RU" sz="2000" b="0" i="0" u="none" strike="noStrike" kern="1200" cap="none" spc="0" normalizeH="0" noProof="0" dirty="0" smtClean="0">
                <a:ln>
                  <a:noFill/>
                </a:ln>
                <a:solidFill>
                  <a:srgbClr val="17375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количество больных  с СД2 за последние 17 лет увеличилось в 3 раза и составило 89 203 человека</a:t>
            </a:r>
          </a:p>
          <a:p>
            <a:pPr marL="342900" lvl="0" indent="-342900" defTabSz="9144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baseline="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Хроническая сердечная недостаточность зарегистрирована у 14,6% больных СД2</a:t>
            </a: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по данным регистра СД </a:t>
            </a:r>
            <a:r>
              <a:rPr lang="ru-RU" sz="2000" baseline="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и являлась в</a:t>
            </a: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едущей причиной смерти у 21,48% среди умерших больных СД2.</a:t>
            </a:r>
          </a:p>
          <a:p>
            <a:pPr marL="342900" lvl="0" indent="-3429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Причиной хронической сердечной недостаточности у больных СД2 является не только ИБС, но и сам диабет, преимущественно в пожилом возрасте у женщин с ожирением</a:t>
            </a:r>
          </a:p>
          <a:p>
            <a:pPr marL="342900" lvl="0" indent="-3429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kumimoji="0" lang="ru-RU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17375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В настоящее время препаратами первой линии для снижения риска развития сердечной недостаточности и госпитализации по причине хронической сердечной недостаточности в международных и Российских рекомендациях является группа ингибиторов НГЛТ-2, однако только 3,1% больных СД2 в Новосибирской области их получают </a:t>
            </a:r>
          </a:p>
        </p:txBody>
      </p:sp>
    </p:spTree>
    <p:extLst>
      <p:ext uri="{BB962C8B-B14F-4D97-AF65-F5344CB8AC3E}">
        <p14:creationId xmlns:p14="http://schemas.microsoft.com/office/powerpoint/2010/main" val="3709747125"/>
      </p:ext>
    </p:extLst>
  </p:cSld>
  <p:clrMapOvr>
    <a:masterClrMapping/>
  </p:clrMapOvr>
  <p:transition/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Заголовок 2"/>
          <p:cNvSpPr>
            <a:spLocks noGrp="1"/>
          </p:cNvSpPr>
          <p:nvPr>
            <p:ph type="title"/>
          </p:nvPr>
        </p:nvSpPr>
        <p:spPr>
          <a:xfrm>
            <a:off x="369768" y="201409"/>
            <a:ext cx="11347200" cy="521883"/>
          </a:xfrm>
        </p:spPr>
        <p:txBody>
          <a:bodyPr/>
          <a:lstStyle/>
          <a:p>
            <a:r>
              <a:rPr lang="ru-RU" b="1" dirty="0" smtClean="0">
                <a:latin typeface="Verdana" pitchFamily="34" charset="0"/>
                <a:ea typeface="Verdana" pitchFamily="34" charset="0"/>
                <a:cs typeface="Verdana" pitchFamily="34" charset="0"/>
              </a:rPr>
              <a:t>Заключение</a:t>
            </a:r>
            <a:endParaRPr lang="ru-RU" b="1" dirty="0"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5" name="Прямоугольник 4"/>
          <p:cNvSpPr/>
          <p:nvPr/>
        </p:nvSpPr>
        <p:spPr>
          <a:xfrm>
            <a:off x="369768" y="1329050"/>
            <a:ext cx="11111604" cy="3631763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pPr marL="342900" lvl="0" indent="-3429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Целесообразно рассмотреть вопрос о </a:t>
            </a:r>
            <a:r>
              <a:rPr lang="ru-RU" sz="2000" dirty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региональной программе </a:t>
            </a: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«Снижение </a:t>
            </a:r>
            <a:r>
              <a:rPr lang="ru-RU" sz="2000" dirty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неблагоприятных сердечно-сосудистых событий у пациентов с СД 2 </a:t>
            </a: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типа» с целью:</a:t>
            </a:r>
          </a:p>
          <a:p>
            <a:pPr marL="800089" lvl="1" indent="-3429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снижения </a:t>
            </a:r>
            <a:r>
              <a:rPr lang="ru-RU" sz="2000" dirty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общей (в </a:t>
            </a:r>
            <a:r>
              <a:rPr lang="ru-RU" sz="2000" dirty="0" err="1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т.ч</a:t>
            </a:r>
            <a:r>
              <a:rPr lang="ru-RU" sz="2000" dirty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. сердечно-сосудистой) </a:t>
            </a: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смертности; </a:t>
            </a:r>
          </a:p>
          <a:p>
            <a:pPr marL="800089" lvl="1" indent="-3429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обеспечение </a:t>
            </a:r>
            <a:r>
              <a:rPr lang="ru-RU" sz="2000" dirty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доступности и повышение эффективности лекарственной терапии больных с </a:t>
            </a: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СД2 </a:t>
            </a:r>
            <a:r>
              <a:rPr lang="ru-RU" sz="2000" dirty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с подтверждённым высоким сердечно-сосудистым риском; </a:t>
            </a:r>
            <a:endParaRPr lang="ru-RU" sz="2000" dirty="0" smtClean="0">
              <a:solidFill>
                <a:srgbClr val="17375E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800089" lvl="1" indent="-3429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снижение </a:t>
            </a:r>
            <a:r>
              <a:rPr lang="ru-RU" sz="2000" dirty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количества неблагоприятных сердечно-сосудистых событий</a:t>
            </a:r>
            <a:r>
              <a:rPr lang="ru-RU" sz="2000" dirty="0" smtClean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: госпитализации </a:t>
            </a:r>
            <a:r>
              <a:rPr lang="ru-RU" sz="2000" dirty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по причине инфаркта миокарда, инсульта и хронической сердечной недостаточности (ХСН)</a:t>
            </a:r>
            <a:endParaRPr kumimoji="0" lang="ru-RU" sz="2000" b="0" i="0" u="none" strike="noStrike" kern="1200" cap="none" spc="0" normalizeH="0" baseline="0" noProof="0" dirty="0">
              <a:ln>
                <a:noFill/>
              </a:ln>
              <a:solidFill>
                <a:srgbClr val="17375E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53009101"/>
      </p:ext>
    </p:extLst>
  </p:cSld>
  <p:clrMapOvr>
    <a:masterClrMapping/>
  </p:clrMapOvr>
  <p:transition/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="" xmlns:a16="http://schemas.microsoft.com/office/drawing/2014/main" id="{C162DF2A-64D1-4AA9-BA42-8A4063EADE09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="" xmlns:p16="http://schemas.microsoft.com/office/powerpoint/2015/main" val="1"/>
              </p:ext>
            </p:extLst>
          </p:nvPr>
        </p:nvSpPr>
        <p:spPr>
          <a:xfrm>
            <a:off x="0" y="761999"/>
            <a:ext cx="9141619" cy="5334001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>
            <a:extLst>
              <a:ext uri="{FF2B5EF4-FFF2-40B4-BE49-F238E27FC236}">
                <a16:creationId xmlns="" xmlns:a16="http://schemas.microsoft.com/office/drawing/2014/main" id="{5D7C1373-63AF-4A75-909E-990E05356670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="" xmlns:p16="http://schemas.microsoft.com/office/powerpoint/2015/main" val="1"/>
              </p:ext>
            </p:extLst>
          </p:nvPr>
        </p:nvSpPr>
        <p:spPr>
          <a:xfrm>
            <a:off x="9270263" y="761999"/>
            <a:ext cx="2925318" cy="5334001"/>
          </a:xfrm>
          <a:prstGeom prst="rect">
            <a:avLst/>
          </a:prstGeom>
          <a:solidFill>
            <a:srgbClr val="C8C8C8">
              <a:alpha val="4980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13" name="Rectangle 12">
            <a:extLst>
              <a:ext uri="{FF2B5EF4-FFF2-40B4-BE49-F238E27FC236}">
                <a16:creationId xmlns="" xmlns:a16="http://schemas.microsoft.com/office/drawing/2014/main" id="{AE0A0486-F672-4FEF-A0A9-E6C3B7E3A545}"/>
              </a:ext>
              <a:ext uri="{C183D7F6-B498-43B3-948B-1728B52AA6E4}">
                <adec:decorative xmlns=""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="" xmlns:p16="http://schemas.microsoft.com/office/powerpoint/2015/main" val="1"/>
              </p:ext>
            </p:extLst>
          </p:nvPr>
        </p:nvSpPr>
        <p:spPr>
          <a:xfrm>
            <a:off x="0" y="761999"/>
            <a:ext cx="3289875" cy="5334001"/>
          </a:xfrm>
          <a:prstGeom prst="rect">
            <a:avLst/>
          </a:prstGeom>
          <a:solidFill>
            <a:srgbClr val="C8C8C8">
              <a:alpha val="7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" name="Текст 3">
            <a:extLst>
              <a:ext uri="{FF2B5EF4-FFF2-40B4-BE49-F238E27FC236}">
                <a16:creationId xmlns="" xmlns:a16="http://schemas.microsoft.com/office/drawing/2014/main" id="{FAC089EF-F09A-9449-A296-CA56BA6577E9}"/>
              </a:ext>
            </a:extLst>
          </p:cNvPr>
          <p:cNvSpPr txBox="1">
            <a:spLocks/>
          </p:cNvSpPr>
          <p:nvPr/>
        </p:nvSpPr>
        <p:spPr>
          <a:xfrm>
            <a:off x="3289875" y="944177"/>
            <a:ext cx="5851744" cy="1606911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marL="182880" indent="-182880" algn="l" defTabSz="914400" rtl="0" eaLnBrk="1" latinLnBrk="0" hangingPunct="1">
              <a:lnSpc>
                <a:spcPct val="90000"/>
              </a:lnSpc>
              <a:spcBef>
                <a:spcPts val="1200"/>
              </a:spcBef>
              <a:buClr>
                <a:schemeClr val="accent1"/>
              </a:buClr>
              <a:buFont typeface="Wingdings 2" pitchFamily="18" charset="2"/>
              <a:buChar char=""/>
              <a:defRPr sz="20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182880" algn="l" defTabSz="914400" rtl="0" eaLnBrk="1" latinLnBrk="0" hangingPunct="1">
              <a:lnSpc>
                <a:spcPct val="90000"/>
              </a:lnSpc>
              <a:spcBef>
                <a:spcPts val="250"/>
              </a:spcBef>
              <a:spcAft>
                <a:spcPts val="250"/>
              </a:spcAft>
              <a:buClr>
                <a:schemeClr val="accent1"/>
              </a:buClr>
              <a:buFont typeface="Wingdings 2" pitchFamily="18" charset="2"/>
              <a:buChar char=""/>
              <a:defRPr sz="18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182880" algn="l" defTabSz="914400" rtl="0" eaLnBrk="1" latinLnBrk="0" hangingPunct="1">
              <a:lnSpc>
                <a:spcPct val="90000"/>
              </a:lnSpc>
              <a:spcBef>
                <a:spcPts val="250"/>
              </a:spcBef>
              <a:spcAft>
                <a:spcPts val="250"/>
              </a:spcAft>
              <a:buClr>
                <a:schemeClr val="accent1"/>
              </a:buClr>
              <a:buFont typeface="Wingdings 2" pitchFamily="18" charset="2"/>
              <a:buChar char=""/>
              <a:defRPr sz="16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182880" algn="l" defTabSz="914400" rtl="0" eaLnBrk="1" latinLnBrk="0" hangingPunct="1">
              <a:lnSpc>
                <a:spcPct val="90000"/>
              </a:lnSpc>
              <a:spcBef>
                <a:spcPts val="250"/>
              </a:spcBef>
              <a:spcAft>
                <a:spcPts val="250"/>
              </a:spcAft>
              <a:buClr>
                <a:schemeClr val="accent1"/>
              </a:buClr>
              <a:buFont typeface="Wingdings 2" pitchFamily="18" charset="2"/>
              <a:buChar char="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182880" algn="l" defTabSz="914400" rtl="0" eaLnBrk="1" latinLnBrk="0" hangingPunct="1">
              <a:lnSpc>
                <a:spcPct val="90000"/>
              </a:lnSpc>
              <a:spcBef>
                <a:spcPts val="250"/>
              </a:spcBef>
              <a:spcAft>
                <a:spcPts val="250"/>
              </a:spcAft>
              <a:buClr>
                <a:schemeClr val="accent1"/>
              </a:buClr>
              <a:buFont typeface="Wingdings 2" pitchFamily="18" charset="2"/>
              <a:buChar char="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250"/>
              </a:spcBef>
              <a:spcAft>
                <a:spcPts val="250"/>
              </a:spcAft>
              <a:buClr>
                <a:schemeClr val="accent1"/>
              </a:buClr>
              <a:buFont typeface="Wingdings 2" pitchFamily="18" charset="2"/>
              <a:buChar char="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250"/>
              </a:spcBef>
              <a:spcAft>
                <a:spcPts val="250"/>
              </a:spcAft>
              <a:buClr>
                <a:schemeClr val="accent1"/>
              </a:buClr>
              <a:buFont typeface="Wingdings 2" pitchFamily="18" charset="2"/>
              <a:buChar char="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250"/>
              </a:spcBef>
              <a:spcAft>
                <a:spcPts val="250"/>
              </a:spcAft>
              <a:buClr>
                <a:schemeClr val="accent1"/>
              </a:buClr>
              <a:buFont typeface="Wingdings 2" pitchFamily="18" charset="2"/>
              <a:buChar char="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250"/>
              </a:spcBef>
              <a:spcAft>
                <a:spcPts val="250"/>
              </a:spcAft>
              <a:buClr>
                <a:schemeClr val="accent1"/>
              </a:buClr>
              <a:buFont typeface="Wingdings 2" pitchFamily="18" charset="2"/>
              <a:buChar char=""/>
              <a:defRPr sz="1400" kern="12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5B9BD5"/>
              </a:buClr>
              <a:buSzTx/>
              <a:buFont typeface="Wingdings 2" pitchFamily="18" charset="2"/>
              <a:buNone/>
              <a:tabLst/>
              <a:defRPr/>
            </a:pPr>
            <a:r>
              <a:rPr kumimoji="0" lang="ru-RU" sz="2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</a:rPr>
              <a:t> </a:t>
            </a:r>
            <a:r>
              <a:rPr kumimoji="0" lang="ru-RU" sz="2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 БЛАГОДАРЮ ЗА ВНИМАНИЕ!</a:t>
            </a:r>
            <a:endParaRPr kumimoji="0" lang="ru-RU" sz="1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6" name="Picture 6" descr="http://www.dvhab.ru/tour/media/dvhab/tour-images/PENb9KqjorI1OrcPr3br.jpg">
            <a:extLst>
              <a:ext uri="{FF2B5EF4-FFF2-40B4-BE49-F238E27FC236}">
                <a16:creationId xmlns="" xmlns:a16="http://schemas.microsoft.com/office/drawing/2014/main" id="{58D6FD4A-035A-4C10-810B-7F7E4C1CE10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44597" y="4110178"/>
            <a:ext cx="2835819" cy="1611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7656845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2"/>
          <p:cNvSpPr txBox="1">
            <a:spLocks/>
          </p:cNvSpPr>
          <p:nvPr/>
        </p:nvSpPr>
        <p:spPr bwMode="auto">
          <a:xfrm>
            <a:off x="422400" y="332666"/>
            <a:ext cx="11347200" cy="521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9pPr>
          </a:lstStyle>
          <a:p>
            <a:pPr>
              <a:defRPr/>
            </a:pPr>
            <a:r>
              <a:rPr lang="ru-RU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Продолжительность жизни больных сахарным диабетом и ССЗ сокращается на 12 лет*</a:t>
            </a:r>
            <a:r>
              <a:rPr lang="en-US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*</a:t>
            </a:r>
          </a:p>
        </p:txBody>
      </p:sp>
      <p:sp>
        <p:nvSpPr>
          <p:cNvPr id="3" name="Text Placeholder 29">
            <a:extLst>
              <a:ext uri="{FF2B5EF4-FFF2-40B4-BE49-F238E27FC236}">
                <a16:creationId xmlns:a16="http://schemas.microsoft.com/office/drawing/2014/main" xmlns="" id="{27DB64EC-B865-42F7-B22E-EF252E378AEC}"/>
              </a:ext>
            </a:extLst>
          </p:cNvPr>
          <p:cNvSpPr txBox="1">
            <a:spLocks/>
          </p:cNvSpPr>
          <p:nvPr/>
        </p:nvSpPr>
        <p:spPr bwMode="auto">
          <a:xfrm>
            <a:off x="433232" y="6150615"/>
            <a:ext cx="10405903" cy="2307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0" rIns="72000" bIns="0" numCol="1" anchor="b" anchorCtr="0" compatLnSpc="1">
            <a:prstTxWarp prst="textNoShape">
              <a:avLst/>
            </a:prstTxWarp>
          </a:bodyPr>
          <a:lstStyle>
            <a:lvl1pPr marL="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accent1"/>
              </a:buClr>
              <a:buFont typeface="Verdana" panose="020B0604030504040204" pitchFamily="34" charset="0"/>
              <a:buNone/>
              <a:defRPr sz="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265112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chemeClr val="tx2"/>
              </a:buClr>
              <a:buFont typeface="Verdana" panose="020B0604030504040204" pitchFamily="34" charset="0"/>
              <a:buNone/>
              <a:defRPr sz="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536575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E64A0E"/>
              </a:buClr>
              <a:buFont typeface="Verdana" panose="020B0604030504040204" pitchFamily="34" charset="0"/>
              <a:buNone/>
              <a:defRPr sz="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808038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82786F"/>
              </a:buClr>
              <a:buFont typeface="Verdana" panose="020B0604030504040204" pitchFamily="34" charset="0"/>
              <a:buNone/>
              <a:defRPr sz="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1073150" indent="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anose="020B0604030504040204" pitchFamily="34" charset="0"/>
              <a:buNone/>
              <a:defRPr sz="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878921" fontAlgn="auto">
              <a:spcBef>
                <a:spcPct val="0"/>
              </a:spcBef>
              <a:spcAft>
                <a:spcPts val="0"/>
              </a:spcAft>
              <a:buClrTx/>
              <a:defRPr/>
            </a:pPr>
            <a:r>
              <a:rPr lang="ru-RU" dirty="0">
                <a:solidFill>
                  <a:srgbClr val="001965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СЗ: сердечно-сосудистые заболевания; в этом случае ССЗ представлена ИМ или инсультом; * мужчина, 60 лет с историей им или инсульта ССЗ, сердечно-сосудистые заболевания; им, инфаркт миокарда</a:t>
            </a:r>
            <a:endParaRPr lang="en-US" dirty="0">
              <a:solidFill>
                <a:srgbClr val="001965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pPr defTabSz="878921" fontAlgn="auto">
              <a:spcBef>
                <a:spcPct val="0"/>
              </a:spcBef>
              <a:spcAft>
                <a:spcPts val="0"/>
              </a:spcAft>
              <a:buClrTx/>
              <a:defRPr/>
            </a:pPr>
            <a:r>
              <a:rPr lang="en-US" dirty="0">
                <a:solidFill>
                  <a:srgbClr val="001965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The Emerging Risk Factors Collaboration. </a:t>
            </a:r>
            <a:r>
              <a:rPr lang="en-US" i="1" dirty="0">
                <a:solidFill>
                  <a:srgbClr val="001965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JAMA</a:t>
            </a:r>
            <a:r>
              <a:rPr lang="en-US" dirty="0">
                <a:solidFill>
                  <a:srgbClr val="001965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2015;314:52</a:t>
            </a:r>
          </a:p>
        </p:txBody>
      </p:sp>
      <p:pic>
        <p:nvPicPr>
          <p:cNvPr id="4" name="Picture 6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456849" y="4563232"/>
            <a:ext cx="2832315" cy="1036800"/>
          </a:xfrm>
          <a:prstGeom prst="rect">
            <a:avLst/>
          </a:prstGeom>
        </p:spPr>
      </p:pic>
      <p:pic>
        <p:nvPicPr>
          <p:cNvPr id="5" name="Picture 7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456906" y="3323727"/>
            <a:ext cx="4272476" cy="1036800"/>
          </a:xfrm>
          <a:prstGeom prst="rect">
            <a:avLst/>
          </a:prstGeom>
        </p:spPr>
      </p:pic>
      <p:pic>
        <p:nvPicPr>
          <p:cNvPr id="6" name="Picture 8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97507" y="2210333"/>
            <a:ext cx="9600000" cy="1036800"/>
          </a:xfrm>
          <a:prstGeom prst="rect">
            <a:avLst/>
          </a:prstGeom>
        </p:spPr>
      </p:pic>
      <p:cxnSp>
        <p:nvCxnSpPr>
          <p:cNvPr id="7" name="Straight Connector 9"/>
          <p:cNvCxnSpPr/>
          <p:nvPr/>
        </p:nvCxnSpPr>
        <p:spPr>
          <a:xfrm>
            <a:off x="7753324" y="3366818"/>
            <a:ext cx="0" cy="923331"/>
          </a:xfrm>
          <a:prstGeom prst="line">
            <a:avLst/>
          </a:prstGeom>
          <a:noFill/>
          <a:ln w="38100" cap="flat" cmpd="sng" algn="ctr">
            <a:solidFill>
              <a:srgbClr val="001965"/>
            </a:solidFill>
            <a:prstDash val="solid"/>
          </a:ln>
          <a:effectLst/>
        </p:spPr>
      </p:cxnSp>
      <p:cxnSp>
        <p:nvCxnSpPr>
          <p:cNvPr id="8" name="Straight Connector 10"/>
          <p:cNvCxnSpPr/>
          <p:nvPr/>
        </p:nvCxnSpPr>
        <p:spPr>
          <a:xfrm>
            <a:off x="288497" y="2031464"/>
            <a:ext cx="11617291" cy="0"/>
          </a:xfrm>
          <a:prstGeom prst="line">
            <a:avLst/>
          </a:prstGeom>
          <a:noFill/>
          <a:ln w="57150" cap="flat" cmpd="sng" algn="ctr">
            <a:solidFill>
              <a:srgbClr val="FFFFFF">
                <a:lumMod val="50000"/>
              </a:srgbClr>
            </a:solidFill>
            <a:prstDash val="solid"/>
            <a:tailEnd type="triangle"/>
          </a:ln>
          <a:effectLst/>
        </p:spPr>
      </p:cxnSp>
      <p:cxnSp>
        <p:nvCxnSpPr>
          <p:cNvPr id="9" name="Straight Connector 11"/>
          <p:cNvCxnSpPr/>
          <p:nvPr/>
        </p:nvCxnSpPr>
        <p:spPr>
          <a:xfrm>
            <a:off x="4440959" y="2031464"/>
            <a:ext cx="5126136" cy="0"/>
          </a:xfrm>
          <a:prstGeom prst="line">
            <a:avLst/>
          </a:prstGeom>
          <a:noFill/>
          <a:ln w="57150" cap="flat" cmpd="sng" algn="ctr">
            <a:solidFill>
              <a:srgbClr val="FFFFFF">
                <a:lumMod val="50000"/>
              </a:srgbClr>
            </a:solidFill>
            <a:prstDash val="solid"/>
            <a:headEnd type="oval" w="med" len="med"/>
            <a:tailEnd type="none" w="med" len="med"/>
          </a:ln>
          <a:effectLst/>
        </p:spPr>
      </p:cxnSp>
      <p:sp>
        <p:nvSpPr>
          <p:cNvPr id="10" name="Rectangle 12"/>
          <p:cNvSpPr/>
          <p:nvPr/>
        </p:nvSpPr>
        <p:spPr>
          <a:xfrm>
            <a:off x="4066891" y="1269452"/>
            <a:ext cx="795732" cy="623248"/>
          </a:xfrm>
          <a:prstGeom prst="rect">
            <a:avLst/>
          </a:prstGeom>
          <a:noFill/>
        </p:spPr>
        <p:txBody>
          <a:bodyPr wrap="none" lIns="68580" tIns="34290" rIns="68580" bIns="34290">
            <a:spAutoFit/>
          </a:bodyPr>
          <a:lstStyle/>
          <a:p>
            <a:pPr algn="ctr">
              <a:defRPr/>
            </a:pPr>
            <a:r>
              <a:rPr lang="en-US" sz="3600" b="1" dirty="0">
                <a:ln w="10541" cmpd="sng">
                  <a:noFill/>
                  <a:prstDash val="solid"/>
                </a:ln>
                <a:solidFill>
                  <a:srgbClr val="001965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60</a:t>
            </a:r>
            <a:endParaRPr lang="en-US" b="1" dirty="0">
              <a:ln w="10541" cmpd="sng">
                <a:noFill/>
                <a:prstDash val="solid"/>
              </a:ln>
              <a:solidFill>
                <a:srgbClr val="001965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1" name="Rectangle 13"/>
          <p:cNvSpPr/>
          <p:nvPr/>
        </p:nvSpPr>
        <p:spPr>
          <a:xfrm>
            <a:off x="10051726" y="1603223"/>
            <a:ext cx="1515479" cy="284693"/>
          </a:xfrm>
          <a:prstGeom prst="rect">
            <a:avLst/>
          </a:prstGeom>
          <a:noFill/>
        </p:spPr>
        <p:txBody>
          <a:bodyPr wrap="none" lIns="68580" tIns="34290" rIns="68580" bIns="34290">
            <a:spAutoFit/>
          </a:bodyPr>
          <a:lstStyle/>
          <a:p>
            <a:pPr algn="ctr">
              <a:defRPr/>
            </a:pPr>
            <a:r>
              <a:rPr lang="ru-RU" sz="1400" b="1" dirty="0">
                <a:ln w="10541" cmpd="sng">
                  <a:noFill/>
                  <a:prstDash val="solid"/>
                </a:ln>
                <a:solidFill>
                  <a:srgbClr val="001965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Конец жизни</a:t>
            </a:r>
            <a:endParaRPr lang="en-US" sz="1400" b="1" dirty="0">
              <a:ln w="10541" cmpd="sng">
                <a:noFill/>
                <a:prstDash val="solid"/>
              </a:ln>
              <a:solidFill>
                <a:srgbClr val="001965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2" name="Rectangle 14"/>
          <p:cNvSpPr/>
          <p:nvPr/>
        </p:nvSpPr>
        <p:spPr>
          <a:xfrm>
            <a:off x="4878841" y="1373844"/>
            <a:ext cx="452368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defRPr/>
            </a:pPr>
            <a:r>
              <a:rPr lang="ru-RU" sz="1100" b="1" dirty="0">
                <a:ln w="10541" cmpd="sng">
                  <a:noFill/>
                  <a:prstDash val="solid"/>
                </a:ln>
                <a:solidFill>
                  <a:srgbClr val="001965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лет</a:t>
            </a:r>
            <a:endParaRPr lang="en-US" sz="1100" dirty="0">
              <a:solidFill>
                <a:srgbClr val="001965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Rectangle 15"/>
          <p:cNvSpPr/>
          <p:nvPr/>
        </p:nvSpPr>
        <p:spPr>
          <a:xfrm>
            <a:off x="7790868" y="3443783"/>
            <a:ext cx="741229" cy="577081"/>
          </a:xfrm>
          <a:prstGeom prst="rect">
            <a:avLst/>
          </a:prstGeom>
          <a:noFill/>
        </p:spPr>
        <p:txBody>
          <a:bodyPr wrap="none" lIns="68580" tIns="34290" rIns="68580" bIns="34290">
            <a:spAutoFit/>
          </a:bodyPr>
          <a:lstStyle/>
          <a:p>
            <a:pPr algn="ctr">
              <a:defRPr/>
            </a:pPr>
            <a:r>
              <a:rPr lang="en-US" sz="3300" b="1" dirty="0">
                <a:ln w="10541" cmpd="sng">
                  <a:noFill/>
                  <a:prstDash val="solid"/>
                </a:ln>
                <a:solidFill>
                  <a:srgbClr val="5A5A5A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–6</a:t>
            </a:r>
            <a:endParaRPr lang="en-US" sz="2100" b="1" dirty="0">
              <a:ln w="10541" cmpd="sng">
                <a:noFill/>
                <a:prstDash val="solid"/>
              </a:ln>
              <a:solidFill>
                <a:srgbClr val="5A5A5A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4" name="Rectangle 16"/>
          <p:cNvSpPr/>
          <p:nvPr/>
        </p:nvSpPr>
        <p:spPr>
          <a:xfrm>
            <a:off x="8531518" y="3498697"/>
            <a:ext cx="516488" cy="30008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ru-RU" sz="1350" b="1" dirty="0">
                <a:ln w="10541" cmpd="sng">
                  <a:noFill/>
                  <a:prstDash val="solid"/>
                </a:ln>
                <a:solidFill>
                  <a:srgbClr val="5A5A5A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лет</a:t>
            </a:r>
            <a:endParaRPr lang="en-US" sz="1350" dirty="0">
              <a:solidFill>
                <a:srgbClr val="5A5A5A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5" name="Rectangle 17"/>
          <p:cNvSpPr/>
          <p:nvPr/>
        </p:nvSpPr>
        <p:spPr>
          <a:xfrm>
            <a:off x="6392780" y="4600074"/>
            <a:ext cx="1042593" cy="577081"/>
          </a:xfrm>
          <a:prstGeom prst="rect">
            <a:avLst/>
          </a:prstGeom>
          <a:noFill/>
        </p:spPr>
        <p:txBody>
          <a:bodyPr wrap="none" lIns="68580" tIns="34290" rIns="68580" bIns="34290">
            <a:spAutoFit/>
          </a:bodyPr>
          <a:lstStyle/>
          <a:p>
            <a:pPr algn="ctr">
              <a:defRPr/>
            </a:pPr>
            <a:r>
              <a:rPr lang="en-US" sz="3300" b="1" dirty="0">
                <a:ln w="10541" cmpd="sng">
                  <a:noFill/>
                  <a:prstDash val="solid"/>
                </a:ln>
                <a:solidFill>
                  <a:srgbClr val="5A5A5A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–12</a:t>
            </a:r>
            <a:endParaRPr lang="en-US" sz="2100" b="1" dirty="0">
              <a:ln w="10541" cmpd="sng">
                <a:noFill/>
                <a:prstDash val="solid"/>
              </a:ln>
              <a:solidFill>
                <a:srgbClr val="5A5A5A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Rectangle 18"/>
          <p:cNvSpPr/>
          <p:nvPr/>
        </p:nvSpPr>
        <p:spPr>
          <a:xfrm>
            <a:off x="7382405" y="4619164"/>
            <a:ext cx="516488" cy="300082"/>
          </a:xfrm>
          <a:prstGeom prst="rect">
            <a:avLst/>
          </a:prstGeom>
          <a:noFill/>
        </p:spPr>
        <p:txBody>
          <a:bodyPr wrap="none">
            <a:spAutoFit/>
          </a:bodyPr>
          <a:lstStyle/>
          <a:p>
            <a:pPr>
              <a:defRPr/>
            </a:pPr>
            <a:r>
              <a:rPr lang="ru-RU" sz="1350" b="1" dirty="0">
                <a:ln w="10541" cmpd="sng">
                  <a:noFill/>
                  <a:prstDash val="solid"/>
                </a:ln>
                <a:solidFill>
                  <a:srgbClr val="5A5A5A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лет</a:t>
            </a:r>
            <a:endParaRPr lang="en-US" sz="1350" dirty="0">
              <a:solidFill>
                <a:srgbClr val="5A5A5A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cxnSp>
        <p:nvCxnSpPr>
          <p:cNvPr id="17" name="Straight Connector 19"/>
          <p:cNvCxnSpPr/>
          <p:nvPr/>
        </p:nvCxnSpPr>
        <p:spPr>
          <a:xfrm>
            <a:off x="6298887" y="4542237"/>
            <a:ext cx="0" cy="923331"/>
          </a:xfrm>
          <a:prstGeom prst="line">
            <a:avLst/>
          </a:prstGeom>
          <a:noFill/>
          <a:ln w="38100" cap="flat" cmpd="sng" algn="ctr">
            <a:solidFill>
              <a:srgbClr val="001965"/>
            </a:solidFill>
            <a:prstDash val="solid"/>
          </a:ln>
          <a:effectLst/>
        </p:spPr>
      </p:cxnSp>
      <p:pic>
        <p:nvPicPr>
          <p:cNvPr id="18" name="Picture 20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04719" y="1354655"/>
            <a:ext cx="1152128" cy="638287"/>
          </a:xfrm>
          <a:prstGeom prst="rect">
            <a:avLst/>
          </a:prstGeom>
        </p:spPr>
      </p:pic>
      <p:sp>
        <p:nvSpPr>
          <p:cNvPr id="19" name="Rectangle 21"/>
          <p:cNvSpPr/>
          <p:nvPr/>
        </p:nvSpPr>
        <p:spPr>
          <a:xfrm>
            <a:off x="433193" y="2422012"/>
            <a:ext cx="3087352" cy="432000"/>
          </a:xfrm>
          <a:prstGeom prst="rect">
            <a:avLst/>
          </a:prstGeom>
          <a:solidFill>
            <a:srgbClr val="009FDA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r">
              <a:defRPr/>
            </a:pPr>
            <a:r>
              <a:rPr lang="ru-RU" sz="1100" b="1" kern="0" dirty="0">
                <a:solidFill>
                  <a:prstClr val="white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Нет диабета</a:t>
            </a:r>
            <a:endParaRPr lang="en-US" sz="1100" b="1" kern="0" dirty="0">
              <a:solidFill>
                <a:prstClr val="white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20" name="Rectangle 22"/>
          <p:cNvSpPr/>
          <p:nvPr/>
        </p:nvSpPr>
        <p:spPr>
          <a:xfrm>
            <a:off x="433196" y="3612484"/>
            <a:ext cx="3087351" cy="432000"/>
          </a:xfrm>
          <a:prstGeom prst="rect">
            <a:avLst/>
          </a:prstGeom>
          <a:gradFill flip="none" rotWithShape="1">
            <a:gsLst>
              <a:gs pos="0">
                <a:srgbClr val="009FDA"/>
              </a:gs>
              <a:gs pos="100000">
                <a:srgbClr val="001965"/>
              </a:gs>
            </a:gsLst>
            <a:lin ang="0" scaled="1"/>
            <a:tileRect/>
          </a:gra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r">
              <a:defRPr/>
            </a:pPr>
            <a:r>
              <a:rPr lang="ru-RU" sz="1200" b="1" kern="0" dirty="0">
                <a:solidFill>
                  <a:prstClr val="white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ахарный диабет</a:t>
            </a:r>
            <a:endParaRPr lang="en-US" sz="1200" b="1" kern="0" dirty="0">
              <a:solidFill>
                <a:prstClr val="white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21" name="Rectangle 23"/>
          <p:cNvSpPr/>
          <p:nvPr/>
        </p:nvSpPr>
        <p:spPr>
          <a:xfrm>
            <a:off x="433196" y="4787883"/>
            <a:ext cx="3087349" cy="432000"/>
          </a:xfrm>
          <a:prstGeom prst="rect">
            <a:avLst/>
          </a:prstGeom>
          <a:solidFill>
            <a:srgbClr val="001965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r">
              <a:defRPr/>
            </a:pPr>
            <a:r>
              <a:rPr lang="ru-RU" sz="1200" b="1" kern="0" dirty="0">
                <a:solidFill>
                  <a:prstClr val="white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Диабет</a:t>
            </a:r>
            <a:r>
              <a:rPr lang="en-US" sz="1200" b="1" kern="0" dirty="0">
                <a:solidFill>
                  <a:prstClr val="white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+ </a:t>
            </a:r>
            <a:r>
              <a:rPr lang="ru-RU" sz="1200" b="1" kern="0" dirty="0">
                <a:solidFill>
                  <a:prstClr val="white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ИМ</a:t>
            </a:r>
            <a:r>
              <a:rPr lang="en-US" sz="1200" b="1" kern="0" dirty="0">
                <a:solidFill>
                  <a:prstClr val="white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/ </a:t>
            </a:r>
            <a:r>
              <a:rPr lang="ru-RU" sz="1200" b="1" kern="0" dirty="0">
                <a:solidFill>
                  <a:prstClr val="white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инсульт</a:t>
            </a:r>
            <a:endParaRPr lang="en-US" sz="1200" b="1" kern="0" dirty="0">
              <a:solidFill>
                <a:prstClr val="white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pic>
        <p:nvPicPr>
          <p:cNvPr id="22" name="Picture 24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600736" y="2206011"/>
            <a:ext cx="379280" cy="864000"/>
          </a:xfrm>
          <a:prstGeom prst="rect">
            <a:avLst/>
          </a:prstGeom>
        </p:spPr>
      </p:pic>
      <p:pic>
        <p:nvPicPr>
          <p:cNvPr id="23" name="Picture 25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601789" y="3403175"/>
            <a:ext cx="379280" cy="864000"/>
          </a:xfrm>
          <a:prstGeom prst="rect">
            <a:avLst/>
          </a:prstGeom>
        </p:spPr>
      </p:pic>
      <p:pic>
        <p:nvPicPr>
          <p:cNvPr id="24" name="Picture 26"/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613737" y="4571881"/>
            <a:ext cx="379280" cy="86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893879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="" xmlns:a16="http://schemas.microsoft.com/office/drawing/2014/main" id="{C9BC5BF7-3BF8-44B3-AA96-D6974480205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1747"/>
          <a:stretch/>
        </p:blipFill>
        <p:spPr>
          <a:xfrm>
            <a:off x="20" y="10"/>
            <a:ext cx="12191980" cy="6857990"/>
          </a:xfrm>
          <a:prstGeom prst="rect">
            <a:avLst/>
          </a:prstGeom>
          <a:noFill/>
        </p:spPr>
      </p:pic>
      <p:sp>
        <p:nvSpPr>
          <p:cNvPr id="3" name="Slide Number Placeholder 2" hidden="1">
            <a:extLst>
              <a:ext uri="{FF2B5EF4-FFF2-40B4-BE49-F238E27FC236}">
                <a16:creationId xmlns="" xmlns:a16="http://schemas.microsoft.com/office/drawing/2014/main" id="{C7796D4A-38E4-487C-B4D4-B7D685976943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456258"/>
            <a:ext cx="407988" cy="30914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F8E47D07-9D1E-4FE9-B31A-2F5863681021}" type="slidenum">
              <a:rPr kumimoji="0" lang="en-GB" sz="1050" b="0" i="0" u="none" strike="noStrike" kern="1200" cap="none" spc="0" normalizeH="0" baseline="0" noProof="0" smtClean="0">
                <a:ln>
                  <a:noFill/>
                </a:ln>
                <a:solidFill>
                  <a:srgbClr val="3F4444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050" b="0" i="0" u="none" strike="noStrike" kern="1200" cap="none" spc="0" normalizeH="0" baseline="0" noProof="0">
              <a:ln>
                <a:noFill/>
              </a:ln>
              <a:solidFill>
                <a:srgbClr val="3F4444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465430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Chart&#10;&#10;Description automatically generated">
            <a:extLst>
              <a:ext uri="{FF2B5EF4-FFF2-40B4-BE49-F238E27FC236}">
                <a16:creationId xmlns="" xmlns:a16="http://schemas.microsoft.com/office/drawing/2014/main" id="{C29379E1-3798-4914-9B7B-4BBAD4ACBD5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/>
          <a:stretch/>
        </p:blipFill>
        <p:spPr>
          <a:xfrm>
            <a:off x="20" y="10"/>
            <a:ext cx="12191980" cy="6857990"/>
          </a:xfrm>
          <a:prstGeom prst="rect">
            <a:avLst/>
          </a:prstGeom>
          <a:noFill/>
        </p:spPr>
      </p:pic>
      <p:sp>
        <p:nvSpPr>
          <p:cNvPr id="3" name="Slide Number Placeholder 2" hidden="1">
            <a:extLst>
              <a:ext uri="{FF2B5EF4-FFF2-40B4-BE49-F238E27FC236}">
                <a16:creationId xmlns="" xmlns:a16="http://schemas.microsoft.com/office/drawing/2014/main" id="{EA75EF18-DD73-4B90-825E-2743DA04EAA3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456258"/>
            <a:ext cx="407988" cy="309145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F8E47D07-9D1E-4FE9-B31A-2F5863681021}" type="slidenum">
              <a:rPr kumimoji="0" lang="en-GB" sz="1050" b="0" i="0" u="none" strike="noStrike" kern="1200" cap="none" spc="0" normalizeH="0" baseline="0" noProof="0" smtClean="0">
                <a:ln>
                  <a:noFill/>
                </a:ln>
                <a:solidFill>
                  <a:srgbClr val="3F4444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050" b="0" i="0" u="none" strike="noStrike" kern="1200" cap="none" spc="0" normalizeH="0" baseline="0" noProof="0">
              <a:ln>
                <a:noFill/>
              </a:ln>
              <a:solidFill>
                <a:srgbClr val="3F4444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89313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Прямоугольник 4"/>
          <p:cNvSpPr/>
          <p:nvPr/>
        </p:nvSpPr>
        <p:spPr>
          <a:xfrm>
            <a:off x="605364" y="594759"/>
            <a:ext cx="11111604" cy="2246769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SzTx/>
              <a:buFont typeface="Wingdings" pitchFamily="2" charset="2"/>
              <a:buChar char="Ø"/>
              <a:tabLst/>
              <a:defRPr/>
            </a:pPr>
            <a:r>
              <a:rPr kumimoji="0" lang="ru-RU" sz="2000" b="0" i="0" u="none" strike="noStrike" kern="1200" cap="none" spc="0" normalizeH="0" baseline="0" noProof="0" dirty="0">
                <a:ln>
                  <a:noFill/>
                </a:ln>
                <a:solidFill>
                  <a:srgbClr val="17375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Распространенность</a:t>
            </a:r>
            <a:r>
              <a:rPr kumimoji="0" lang="ru-RU" sz="2000" b="0" i="0" u="none" strike="noStrike" kern="1200" cap="none" spc="0" normalizeH="0" noProof="0" dirty="0">
                <a:ln>
                  <a:noFill/>
                </a:ln>
                <a:solidFill>
                  <a:srgbClr val="17375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СД2 на территории Новосибирской области составляет 3193.37 на 100 тыс. населения, что выше по сравнению с РФ 2885.7 </a:t>
            </a:r>
            <a:endParaRPr kumimoji="0" lang="ru-RU" sz="2000" b="0" i="0" u="none" strike="noStrike" kern="1200" cap="none" spc="0" normalizeH="0" baseline="0" noProof="0" dirty="0">
              <a:ln>
                <a:noFill/>
              </a:ln>
              <a:solidFill>
                <a:srgbClr val="17375E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342900" lvl="0" indent="-3429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dirty="0">
                <a:solidFill>
                  <a:srgbClr val="17375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Заболеваемость СД на территории Новосибирской области составляет 143,55 на 100 тыс. населения</a:t>
            </a:r>
          </a:p>
          <a:p>
            <a:pPr marL="342900" lvl="0" indent="-3429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kumimoji="0" lang="ru-RU" sz="2000" b="0" i="0" u="none" strike="noStrike" kern="1200" cap="none" spc="0" normalizeH="0" baseline="0" noProof="0" dirty="0">
                <a:ln>
                  <a:noFill/>
                </a:ln>
                <a:solidFill>
                  <a:srgbClr val="17375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За 17 лет количество больных СД2 на территории Новосибирской области увеличилось в 3 раза </a:t>
            </a:r>
          </a:p>
        </p:txBody>
      </p:sp>
      <p:graphicFrame>
        <p:nvGraphicFramePr>
          <p:cNvPr id="6" name="Диаграмма 5"/>
          <p:cNvGraphicFramePr/>
          <p:nvPr>
            <p:extLst>
              <p:ext uri="{D42A27DB-BD31-4B8C-83A1-F6EECF244321}">
                <p14:modId xmlns:p14="http://schemas.microsoft.com/office/powerpoint/2010/main" val="808065447"/>
              </p:ext>
            </p:extLst>
          </p:nvPr>
        </p:nvGraphicFramePr>
        <p:xfrm>
          <a:off x="1509486" y="3731741"/>
          <a:ext cx="9869714" cy="293031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7" name="Стрелка вправо 6"/>
          <p:cNvSpPr/>
          <p:nvPr/>
        </p:nvSpPr>
        <p:spPr>
          <a:xfrm rot="21024144">
            <a:off x="1955093" y="3472011"/>
            <a:ext cx="7619901" cy="676478"/>
          </a:xfrm>
          <a:prstGeom prst="rightArrow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ru-RU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448953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562" name="Заголовок 1">
            <a:extLst>
              <a:ext uri="{FF2B5EF4-FFF2-40B4-BE49-F238E27FC236}">
                <a16:creationId xmlns="" xmlns:a16="http://schemas.microsoft.com/office/drawing/2014/main" id="{18F82968-EE8C-4152-8BAA-96B223AD3F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9184" y="687388"/>
            <a:ext cx="11952816" cy="520700"/>
          </a:xfrm>
        </p:spPr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ru-RU" altLang="ru-RU" sz="24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По данным территориального регистра сахарного диабета в Новосибирской области</a:t>
            </a:r>
            <a:br>
              <a:rPr lang="ru-RU" altLang="ru-RU" sz="24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</a:br>
            <a:r>
              <a:rPr lang="ru-RU" altLang="ru-RU" sz="24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 </a:t>
            </a:r>
          </a:p>
        </p:txBody>
      </p:sp>
      <p:sp>
        <p:nvSpPr>
          <p:cNvPr id="194563" name="Объект 2">
            <a:extLst>
              <a:ext uri="{FF2B5EF4-FFF2-40B4-BE49-F238E27FC236}">
                <a16:creationId xmlns="" xmlns:a16="http://schemas.microsoft.com/office/drawing/2014/main" id="{E39AF3E7-A525-42B4-926D-4EEFB9F60BF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4067" y="1583985"/>
            <a:ext cx="11218333" cy="2189730"/>
          </a:xfrm>
        </p:spPr>
        <p:txBody>
          <a:bodyPr>
            <a:normAutofit/>
          </a:bodyPr>
          <a:lstStyle/>
          <a:p>
            <a:r>
              <a:rPr lang="ru-RU" altLang="ru-RU" sz="2000" b="1" dirty="0">
                <a:solidFill>
                  <a:schemeClr val="accent1">
                    <a:lumMod val="50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редняя продолжительность жизни</a:t>
            </a:r>
          </a:p>
          <a:p>
            <a:pPr lvl="1"/>
            <a:r>
              <a:rPr lang="ru-RU" altLang="ru-RU" sz="1800" b="1" dirty="0">
                <a:solidFill>
                  <a:schemeClr val="accent1">
                    <a:lumMod val="50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При СД 2 типа –  74,29 лет (муж – 70,79, жен 76,72 лет)</a:t>
            </a:r>
          </a:p>
          <a:p>
            <a:r>
              <a:rPr lang="ru-RU" altLang="ru-RU" sz="2000" b="1" dirty="0">
                <a:solidFill>
                  <a:schemeClr val="accent1">
                    <a:lumMod val="50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Продолжительность жизни от начала заболевания</a:t>
            </a:r>
          </a:p>
          <a:p>
            <a:pPr lvl="1"/>
            <a:r>
              <a:rPr lang="ru-RU" altLang="ru-RU" sz="1800" b="1" dirty="0">
                <a:solidFill>
                  <a:schemeClr val="accent1">
                    <a:lumMod val="50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При СД 2 типа – 12,19 лет</a:t>
            </a:r>
          </a:p>
          <a:p>
            <a:r>
              <a:rPr lang="ru-RU" altLang="ru-RU" sz="2000" b="1" dirty="0">
                <a:solidFill>
                  <a:schemeClr val="accent1">
                    <a:lumMod val="50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Ведущая причина смерти – сердечно-сосудистые заболевания</a:t>
            </a:r>
          </a:p>
          <a:p>
            <a:pPr lvl="1"/>
            <a:r>
              <a:rPr lang="ru-RU" altLang="ru-RU" sz="1800" b="1" dirty="0">
                <a:solidFill>
                  <a:schemeClr val="accent1">
                    <a:lumMod val="50000"/>
                  </a:schemeClr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При СД 2 тип 55,53%</a:t>
            </a:r>
          </a:p>
        </p:txBody>
      </p:sp>
      <p:sp>
        <p:nvSpPr>
          <p:cNvPr id="194566" name="Номер слайда 5">
            <a:extLst>
              <a:ext uri="{FF2B5EF4-FFF2-40B4-BE49-F238E27FC236}">
                <a16:creationId xmlns="" xmlns:a16="http://schemas.microsoft.com/office/drawing/2014/main" id="{9CB49129-7F57-4263-AA91-B0DEE9E4CFF0}"/>
              </a:ext>
            </a:extLst>
          </p:cNvPr>
          <p:cNvSpPr>
            <a:spLocks noGrp="1" noChangeArrowheads="1"/>
          </p:cNvSpPr>
          <p:nvPr>
            <p:ph type="sldNum" sz="quarter" idx="12"/>
          </p:nvPr>
        </p:nvSpPr>
        <p:spPr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fld id="{80B0B2DD-01C8-42E1-B4A1-CAFF6169F565}" type="slidenum">
              <a:rPr lang="en-US" altLang="ru-RU" smtClean="0">
                <a:solidFill>
                  <a:srgbClr val="82786F"/>
                </a:solidFill>
                <a:latin typeface="Verdana" panose="020B0604030504040204" pitchFamily="34" charset="0"/>
              </a:rPr>
              <a:pPr/>
              <a:t>7</a:t>
            </a:fld>
            <a:endParaRPr lang="en-US" altLang="ru-RU">
              <a:solidFill>
                <a:srgbClr val="82786F"/>
              </a:solidFill>
              <a:latin typeface="Verdana" panose="020B0604030504040204" pitchFamily="34" charset="0"/>
            </a:endParaRPr>
          </a:p>
        </p:txBody>
      </p:sp>
      <p:sp>
        <p:nvSpPr>
          <p:cNvPr id="194567" name="Прямоугольник 2">
            <a:extLst>
              <a:ext uri="{FF2B5EF4-FFF2-40B4-BE49-F238E27FC236}">
                <a16:creationId xmlns="" xmlns:a16="http://schemas.microsoft.com/office/drawing/2014/main" id="{9F9335C9-A80F-4A1F-8F91-11FFA856DAD6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1600" y="6578600"/>
            <a:ext cx="6096000" cy="230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anose="020F0502020204030204" pitchFamily="34" charset="0"/>
                <a:cs typeface="Arial" panose="020B0604020202020204" pitchFamily="34" charset="0"/>
              </a:defRPr>
            </a:lvl9pPr>
          </a:lstStyle>
          <a:p>
            <a:r>
              <a:rPr lang="ru-RU" altLang="ru-RU" sz="900" dirty="0">
                <a:solidFill>
                  <a:srgbClr val="000000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Данные регистра Новосибирской области</a:t>
            </a:r>
          </a:p>
        </p:txBody>
      </p:sp>
      <p:graphicFrame>
        <p:nvGraphicFramePr>
          <p:cNvPr id="9" name="Диаграмма 8"/>
          <p:cNvGraphicFramePr/>
          <p:nvPr>
            <p:extLst>
              <p:ext uri="{D42A27DB-BD31-4B8C-83A1-F6EECF244321}">
                <p14:modId xmlns:p14="http://schemas.microsoft.com/office/powerpoint/2010/main" val="3115122323"/>
              </p:ext>
            </p:extLst>
          </p:nvPr>
        </p:nvGraphicFramePr>
        <p:xfrm>
          <a:off x="211267" y="3933056"/>
          <a:ext cx="11754648" cy="260806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2740059551"/>
      </p:ext>
    </p:extLst>
  </p:cSld>
  <p:clrMapOvr>
    <a:masterClrMapping/>
  </p:clrMapOvr>
  <p:transition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Объект 6">
            <a:extLst>
              <a:ext uri="{FF2B5EF4-FFF2-40B4-BE49-F238E27FC236}">
                <a16:creationId xmlns="" xmlns:a16="http://schemas.microsoft.com/office/drawing/2014/main" id="{DD4877A1-CE2E-42A4-9468-29B90AFFA7CB}"/>
              </a:ext>
            </a:extLst>
          </p:cNvPr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4128296430"/>
              </p:ext>
            </p:extLst>
          </p:nvPr>
        </p:nvGraphicFramePr>
        <p:xfrm>
          <a:off x="429491" y="3200400"/>
          <a:ext cx="11605873" cy="341978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2" name="Заголовок 3">
            <a:extLst>
              <a:ext uri="{FF2B5EF4-FFF2-40B4-BE49-F238E27FC236}">
                <a16:creationId xmlns="" xmlns:a16="http://schemas.microsoft.com/office/drawing/2014/main" id="{9B77046B-244A-4AFF-BBC9-80E8BAC750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994" y="6333955"/>
            <a:ext cx="6057862" cy="458703"/>
          </a:xfrm>
        </p:spPr>
        <p:txBody>
          <a:bodyPr>
            <a:noAutofit/>
          </a:bodyPr>
          <a:lstStyle/>
          <a:p>
            <a:r>
              <a:rPr lang="ru-RU" sz="8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По данным территориального регистра сахарного диабета Новосибирской области в 2020 году</a:t>
            </a:r>
          </a:p>
        </p:txBody>
      </p:sp>
      <p:sp>
        <p:nvSpPr>
          <p:cNvPr id="8" name="Объект 7">
            <a:extLst>
              <a:ext uri="{FF2B5EF4-FFF2-40B4-BE49-F238E27FC236}">
                <a16:creationId xmlns:a16="http://schemas.microsoft.com/office/drawing/2014/main" xmlns="" id="{0EFD8BAB-33C6-449A-9945-F79096BA8E1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023582" y="4940490"/>
            <a:ext cx="9228248" cy="1542197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ru-RU" sz="2000" b="1" u="sng" dirty="0">
              <a:solidFill>
                <a:schemeClr val="tx1">
                  <a:lumMod val="65000"/>
                  <a:lumOff val="35000"/>
                </a:schemeClr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pPr marL="0" indent="0">
              <a:buNone/>
            </a:pPr>
            <a:endParaRPr lang="ru-RU" sz="2000" b="1" dirty="0">
              <a:solidFill>
                <a:schemeClr val="tx1">
                  <a:lumMod val="65000"/>
                  <a:lumOff val="35000"/>
                </a:schemeClr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endParaRPr lang="ru-RU" sz="2000" dirty="0">
              <a:solidFill>
                <a:schemeClr val="tx1">
                  <a:lumMod val="65000"/>
                  <a:lumOff val="35000"/>
                </a:schemeClr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Прямоугольник 8"/>
          <p:cNvSpPr/>
          <p:nvPr/>
        </p:nvSpPr>
        <p:spPr>
          <a:xfrm>
            <a:off x="541192" y="179123"/>
            <a:ext cx="11111604" cy="2708434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pPr lvl="0" defTabSz="9144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defRPr/>
            </a:pPr>
            <a:r>
              <a:rPr lang="ru-RU" sz="20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Средний возраст развития осложнений: </a:t>
            </a:r>
            <a:endParaRPr lang="ru-RU" sz="2000" b="1" dirty="0" smtClean="0">
              <a:solidFill>
                <a:schemeClr val="tx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pPr marL="800089" lvl="1" indent="-342900" defTabSz="9144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b="1" dirty="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ХСН </a:t>
            </a:r>
            <a:r>
              <a:rPr lang="ru-RU" sz="20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67,9 </a:t>
            </a:r>
            <a:r>
              <a:rPr lang="ru-RU" sz="2000" b="1" dirty="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лет (13 024 человека)</a:t>
            </a:r>
            <a:endParaRPr lang="ru-RU" sz="2000" b="1" dirty="0">
              <a:solidFill>
                <a:schemeClr val="tx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pPr marL="800089" lvl="1" indent="-342900" defTabSz="9144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b="1" dirty="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Диабетическая </a:t>
            </a:r>
            <a:r>
              <a:rPr lang="ru-RU" sz="20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нефропатия 67,3 </a:t>
            </a:r>
            <a:r>
              <a:rPr lang="ru-RU" sz="2000" b="1" dirty="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лет</a:t>
            </a:r>
          </a:p>
          <a:p>
            <a:pPr marL="800089" lvl="1" indent="-342900" defTabSz="9144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b="1" dirty="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ОНМК </a:t>
            </a:r>
            <a:r>
              <a:rPr lang="ru-RU" sz="20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61,8 </a:t>
            </a:r>
            <a:r>
              <a:rPr lang="ru-RU" sz="2000" b="1" dirty="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лет</a:t>
            </a:r>
          </a:p>
          <a:p>
            <a:pPr marL="800089" lvl="1" indent="-342900" defTabSz="9144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b="1" dirty="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ИБС </a:t>
            </a:r>
            <a:r>
              <a:rPr lang="ru-RU" sz="20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60,4 </a:t>
            </a:r>
            <a:r>
              <a:rPr lang="ru-RU" sz="2000" b="1" dirty="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лет</a:t>
            </a:r>
          </a:p>
          <a:p>
            <a:pPr marL="800089" lvl="1" indent="-342900" defTabSz="914400">
              <a:spcBef>
                <a:spcPts val="600"/>
              </a:spcBef>
              <a:spcAft>
                <a:spcPts val="600"/>
              </a:spcAft>
              <a:buClr>
                <a:srgbClr val="990033"/>
              </a:buClr>
              <a:buFont typeface="Wingdings" pitchFamily="2" charset="2"/>
              <a:buChar char="Ø"/>
              <a:defRPr/>
            </a:pPr>
            <a:r>
              <a:rPr lang="ru-RU" sz="2000" b="1" dirty="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Инфаркт </a:t>
            </a:r>
            <a:r>
              <a:rPr lang="ru-RU" sz="2000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миокарда 59,5 </a:t>
            </a:r>
            <a:r>
              <a:rPr lang="ru-RU" sz="2000" b="1" dirty="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лет</a:t>
            </a:r>
            <a:endParaRPr lang="ru-RU" sz="2000" b="1" dirty="0">
              <a:solidFill>
                <a:schemeClr val="tx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7965294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325344" y="44914"/>
            <a:ext cx="11866656" cy="609498"/>
          </a:xfrm>
        </p:spPr>
        <p:txBody>
          <a:bodyPr>
            <a:noAutofit/>
          </a:bodyPr>
          <a:lstStyle/>
          <a:p>
            <a:pPr algn="l"/>
            <a:r>
              <a:rPr lang="ru-RU" sz="24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Arial"/>
              </a:rPr>
              <a:t>Структура смертности пациентов с сахарным диабетом</a:t>
            </a:r>
            <a:endParaRPr lang="ru-RU" sz="2400" b="1" baseline="30000" dirty="0">
              <a:solidFill>
                <a:srgbClr val="002060"/>
              </a:solidFill>
              <a:latin typeface="Verdana" panose="020B0604030504040204" pitchFamily="34" charset="0"/>
              <a:ea typeface="Verdana" panose="020B0604030504040204" pitchFamily="34" charset="0"/>
              <a:cs typeface="Arial"/>
            </a:endParaRPr>
          </a:p>
        </p:txBody>
      </p:sp>
      <p:graphicFrame>
        <p:nvGraphicFramePr>
          <p:cNvPr id="8" name="Chart 7">
            <a:extLst>
              <a:ext uri="{FF2B5EF4-FFF2-40B4-BE49-F238E27FC236}">
                <a16:creationId xmlns="" xmlns:a16="http://schemas.microsoft.com/office/drawing/2014/main" id="{C8DCF7FA-1C11-4300-8DF4-DBDA72670F7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47887969"/>
              </p:ext>
            </p:extLst>
          </p:nvPr>
        </p:nvGraphicFramePr>
        <p:xfrm>
          <a:off x="928914" y="602057"/>
          <a:ext cx="10937742" cy="600480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9" name="Rectangle 8">
            <a:extLst>
              <a:ext uri="{FF2B5EF4-FFF2-40B4-BE49-F238E27FC236}">
                <a16:creationId xmlns="" xmlns:a16="http://schemas.microsoft.com/office/drawing/2014/main" id="{DC557FF1-994C-4E36-9F9C-AB73DE66F1CC}"/>
              </a:ext>
            </a:extLst>
          </p:cNvPr>
          <p:cNvSpPr/>
          <p:nvPr/>
        </p:nvSpPr>
        <p:spPr>
          <a:xfrm>
            <a:off x="0" y="734096"/>
            <a:ext cx="11582400" cy="398668"/>
          </a:xfrm>
          <a:prstGeom prst="rect">
            <a:avLst/>
          </a:prstGeom>
          <a:noFill/>
          <a:ln w="25400">
            <a:solidFill>
              <a:srgbClr val="FF000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116869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S_OS" val="Unix 3.10 unknown"/>
  <p:tag name="AS_RELEASE_DATE" val="2019.04.30"/>
  <p:tag name="AS_TITLE" val="Aspose.Slides for Java"/>
  <p:tag name="AS_VERSION" val="19.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286738637644826"/>
</p:tagLst>
</file>

<file path=ppt/theme/theme1.xml><?xml version="1.0" encoding="utf-8"?>
<a:theme xmlns:a="http://schemas.openxmlformats.org/drawingml/2006/main" name="2_180713-EMPA-REG OUTCOME V 2.0_Draft 0a">
  <a:themeElements>
    <a:clrScheme name="BI-Lilly harmonisation 171117">
      <a:dk1>
        <a:srgbClr val="5A5A5A"/>
      </a:dk1>
      <a:lt1>
        <a:srgbClr val="FFFFFF"/>
      </a:lt1>
      <a:dk2>
        <a:srgbClr val="5A5A5A"/>
      </a:dk2>
      <a:lt2>
        <a:srgbClr val="FFFFFF"/>
      </a:lt2>
      <a:accent1>
        <a:srgbClr val="6482C3"/>
      </a:accent1>
      <a:accent2>
        <a:srgbClr val="F0414B"/>
      </a:accent2>
      <a:accent3>
        <a:srgbClr val="43AC99"/>
      </a:accent3>
      <a:accent4>
        <a:srgbClr val="828282"/>
      </a:accent4>
      <a:accent5>
        <a:srgbClr val="8F3089"/>
      </a:accent5>
      <a:accent6>
        <a:srgbClr val="E57200"/>
      </a:accent6>
      <a:hlink>
        <a:srgbClr val="5A5A5A"/>
      </a:hlink>
      <a:folHlink>
        <a:srgbClr val="5A5A5A"/>
      </a:folHlink>
    </a:clrScheme>
    <a:fontScheme name="Custom 1">
      <a:majorFont>
        <a:latin typeface="Arial"/>
        <a:ea typeface="Arial"/>
        <a:cs typeface="Arial"/>
      </a:majorFont>
      <a:minorFont>
        <a:latin typeface="Arial"/>
        <a:ea typeface="Arial"/>
        <a:cs typeface="Arial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solidFill>
          <a:sysClr val="window" lastClr="FFFFFF"/>
        </a:solidFill>
        <a:ln w="12700" algn="ctr">
          <a:solidFill>
            <a:srgbClr val="82A5D0"/>
          </a:solidFill>
          <a:miter lim="800000"/>
          <a:headEnd/>
          <a:tailEnd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a:spPr>
      <a:bodyPr lIns="69949" tIns="34974" rIns="69949" bIns="34974" anchor="ctr"/>
      <a:lstStyle>
        <a:defPPr marL="228600" indent="-228600">
          <a:spcBef>
            <a:spcPts val="600"/>
          </a:spcBef>
          <a:buClr>
            <a:srgbClr val="F0414B"/>
          </a:buClr>
          <a:buFont typeface="Arial" panose="020B0604020202020204" pitchFamily="34" charset="0"/>
          <a:buChar char="•"/>
          <a:defRPr sz="2000" dirty="0">
            <a:solidFill>
              <a:srgbClr val="5A5A5A"/>
            </a:solidFill>
          </a:defRPr>
        </a:defPPr>
      </a:lstStyle>
    </a:spDef>
    <a:lnDef>
      <a:spPr>
        <a:ln w="19050">
          <a:solidFill>
            <a:schemeClr val="accent3"/>
          </a:solidFill>
        </a:ln>
        <a:effectLst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="" xmlns:thm15="http://schemas.microsoft.com/office/thememl/2012/main" name="180713 EMPA-REG OUTCOME V 2.0 Draft_AKW [Read-Only]" id="{0A98FE01-01AA-426F-A64E-590B66A26358}" vid="{548871B8-0879-4087-A1BB-0017FE187FB5}"/>
    </a:ext>
  </a:extLst>
</a:theme>
</file>

<file path=ppt/theme/theme2.xml><?xml version="1.0" encoding="utf-8"?>
<a:theme xmlns:a="http://schemas.openxmlformats.org/drawingml/2006/main" name="180713-EMPA-REG OUTCOME V 2.0_Draft 0a">
  <a:themeElements>
    <a:clrScheme name="BI-Lilly harmonisation 171117">
      <a:dk1>
        <a:srgbClr val="5A5A5A"/>
      </a:dk1>
      <a:lt1>
        <a:srgbClr val="FFFFFF"/>
      </a:lt1>
      <a:dk2>
        <a:srgbClr val="5A5A5A"/>
      </a:dk2>
      <a:lt2>
        <a:srgbClr val="FFFFFF"/>
      </a:lt2>
      <a:accent1>
        <a:srgbClr val="6482C3"/>
      </a:accent1>
      <a:accent2>
        <a:srgbClr val="F0414B"/>
      </a:accent2>
      <a:accent3>
        <a:srgbClr val="43AC99"/>
      </a:accent3>
      <a:accent4>
        <a:srgbClr val="828282"/>
      </a:accent4>
      <a:accent5>
        <a:srgbClr val="8F3089"/>
      </a:accent5>
      <a:accent6>
        <a:srgbClr val="E57200"/>
      </a:accent6>
      <a:hlink>
        <a:srgbClr val="5A5A5A"/>
      </a:hlink>
      <a:folHlink>
        <a:srgbClr val="5A5A5A"/>
      </a:folHlink>
    </a:clrScheme>
    <a:fontScheme name="Custom 1">
      <a:majorFont>
        <a:latin typeface="Arial"/>
        <a:ea typeface="Arial"/>
        <a:cs typeface="Arial"/>
      </a:majorFont>
      <a:minorFont>
        <a:latin typeface="Arial"/>
        <a:ea typeface="Arial"/>
        <a:cs typeface="Arial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 bwMode="auto">
        <a:solidFill>
          <a:sysClr val="window" lastClr="FFFFFF"/>
        </a:solidFill>
        <a:ln w="12700" algn="ctr">
          <a:solidFill>
            <a:srgbClr val="82A5D0"/>
          </a:solidFill>
          <a:miter lim="800000"/>
          <a:headEnd/>
          <a:tailEnd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a:spPr>
      <a:bodyPr lIns="69949" tIns="34974" rIns="69949" bIns="34974" anchor="ctr"/>
      <a:lstStyle>
        <a:defPPr marL="228600" indent="-228600">
          <a:spcBef>
            <a:spcPts val="600"/>
          </a:spcBef>
          <a:buClr>
            <a:srgbClr val="F0414B"/>
          </a:buClr>
          <a:buFont typeface="Arial" panose="020B0604020202020204" pitchFamily="34" charset="0"/>
          <a:buChar char="•"/>
          <a:defRPr sz="2000" dirty="0">
            <a:solidFill>
              <a:srgbClr val="5A5A5A"/>
            </a:solidFill>
          </a:defRPr>
        </a:defPPr>
      </a:lstStyle>
    </a:spDef>
    <a:lnDef>
      <a:spPr>
        <a:ln w="19050">
          <a:solidFill>
            <a:schemeClr val="accent3"/>
          </a:solidFill>
        </a:ln>
        <a:effectLst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="" xmlns:thm15="http://schemas.microsoft.com/office/thememl/2012/main" name="180713 EMPA-REG OUTCOME V 2.0 Draft_AKW [Read-Only]" id="{0A98FE01-01AA-426F-A64E-590B66A26358}" vid="{548871B8-0879-4087-A1BB-0017FE187FB5}"/>
    </a:ext>
  </a:extLst>
</a:theme>
</file>

<file path=ppt/theme/theme3.xml><?xml version="1.0" encoding="utf-8"?>
<a:theme xmlns:a="http://schemas.openxmlformats.org/drawingml/2006/main" name="1_2016 08 08 1276.1 manuscript PSS v0.1">
  <a:themeElements>
    <a:clrScheme name="AT2D">
      <a:dk1>
        <a:srgbClr val="5A5A5A"/>
      </a:dk1>
      <a:lt1>
        <a:srgbClr val="FFFFFF"/>
      </a:lt1>
      <a:dk2>
        <a:srgbClr val="5A5A5A"/>
      </a:dk2>
      <a:lt2>
        <a:srgbClr val="FFFFFF"/>
      </a:lt2>
      <a:accent1>
        <a:srgbClr val="6482C3"/>
      </a:accent1>
      <a:accent2>
        <a:srgbClr val="F0414B"/>
      </a:accent2>
      <a:accent3>
        <a:srgbClr val="43AC99"/>
      </a:accent3>
      <a:accent4>
        <a:srgbClr val="828282"/>
      </a:accent4>
      <a:accent5>
        <a:srgbClr val="9580B2"/>
      </a:accent5>
      <a:accent6>
        <a:srgbClr val="D2D2D2"/>
      </a:accent6>
      <a:hlink>
        <a:srgbClr val="007FFF"/>
      </a:hlink>
      <a:folHlink>
        <a:srgbClr val="007FFF"/>
      </a:folHlink>
    </a:clrScheme>
    <a:fontScheme name="Office Classic 2">
      <a:majorFont>
        <a:latin typeface="Arial"/>
        <a:ea typeface="Arial"/>
        <a:cs typeface="Arial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Arial"/>
        <a:cs typeface="Arial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>
            <a:solidFill>
              <a:schemeClr val="tx1"/>
            </a:solidFill>
          </a:defRPr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="" xmlns:thm15="http://schemas.microsoft.com/office/thememl/2012/main" name="Presentation6" id="{830891AD-54F1-5F4D-B960-458DADBB5AC0}" vid="{1232FFCA-DE19-9B45-95C8-4A6B2B610408}"/>
    </a:ext>
  </a:extLst>
</a:theme>
</file>

<file path=ppt/theme/theme4.xml><?xml version="1.0" encoding="utf-8"?>
<a:theme xmlns:a="http://schemas.openxmlformats.org/drawingml/2006/main" name="1_190213 Alliance medical portfolio template V2.0">
  <a:themeElements>
    <a:clrScheme name="BI-Lilly harmonisation 171117">
      <a:dk1>
        <a:srgbClr val="5A5A5A"/>
      </a:dk1>
      <a:lt1>
        <a:srgbClr val="FFFFFF"/>
      </a:lt1>
      <a:dk2>
        <a:srgbClr val="5A5A5A"/>
      </a:dk2>
      <a:lt2>
        <a:srgbClr val="FFFFFF"/>
      </a:lt2>
      <a:accent1>
        <a:srgbClr val="6482C3"/>
      </a:accent1>
      <a:accent2>
        <a:srgbClr val="F0414B"/>
      </a:accent2>
      <a:accent3>
        <a:srgbClr val="43AC99"/>
      </a:accent3>
      <a:accent4>
        <a:srgbClr val="828282"/>
      </a:accent4>
      <a:accent5>
        <a:srgbClr val="8F3089"/>
      </a:accent5>
      <a:accent6>
        <a:srgbClr val="E57200"/>
      </a:accent6>
      <a:hlink>
        <a:srgbClr val="5A5A5A"/>
      </a:hlink>
      <a:folHlink>
        <a:srgbClr val="5A5A5A"/>
      </a:folHlink>
    </a:clrScheme>
    <a:fontScheme name="Office Classic 2">
      <a:majorFont>
        <a:latin typeface="Arial"/>
        <a:ea typeface="Arial"/>
        <a:cs typeface="Arial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Arial"/>
        <a:cs typeface="Arial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noFill/>
        <a:ln w="19050">
          <a:solidFill>
            <a:schemeClr val="accent1"/>
          </a:solidFill>
        </a:ln>
        <a:effectLst/>
      </a:spPr>
      <a:bodyPr rtlCol="0" anchor="ctr"/>
      <a:lstStyle>
        <a:defPPr algn="ctr">
          <a:defRPr dirty="0" smtClean="0">
            <a:solidFill>
              <a:schemeClr val="tx1"/>
            </a:solidFill>
          </a:defRPr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19050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="" xmlns:thm15="http://schemas.microsoft.com/office/thememl/2012/main" name="191217_CANVAS Medical 0a" id="{FFECCD12-CE93-468D-8608-F9A098AF2171}" vid="{0B66E8A1-9E25-4B4B-8304-F17D738BE1A1}"/>
    </a:ext>
  </a:extLst>
</a:theme>
</file>

<file path=ppt/theme/theme5.xml><?xml version="1.0" encoding="utf-8"?>
<a:theme xmlns:a="http://schemas.openxmlformats.org/drawingml/2006/main" name="1_180322 AT2D 16x9 template_V1.0">
  <a:themeElements>
    <a:clrScheme name="BI-Lilly harmonisation 171117">
      <a:dk1>
        <a:srgbClr val="5A5A5A"/>
      </a:dk1>
      <a:lt1>
        <a:srgbClr val="FFFFFF"/>
      </a:lt1>
      <a:dk2>
        <a:srgbClr val="5A5A5A"/>
      </a:dk2>
      <a:lt2>
        <a:srgbClr val="FFFFFF"/>
      </a:lt2>
      <a:accent1>
        <a:srgbClr val="6482C3"/>
      </a:accent1>
      <a:accent2>
        <a:srgbClr val="F0414B"/>
      </a:accent2>
      <a:accent3>
        <a:srgbClr val="43AC99"/>
      </a:accent3>
      <a:accent4>
        <a:srgbClr val="828282"/>
      </a:accent4>
      <a:accent5>
        <a:srgbClr val="8F3089"/>
      </a:accent5>
      <a:accent6>
        <a:srgbClr val="E57200"/>
      </a:accent6>
      <a:hlink>
        <a:srgbClr val="5A5A5A"/>
      </a:hlink>
      <a:folHlink>
        <a:srgbClr val="5A5A5A"/>
      </a:folHlink>
    </a:clrScheme>
    <a:fontScheme name="Office Classic 2">
      <a:majorFont>
        <a:latin typeface="Arial"/>
        <a:ea typeface="Arial"/>
        <a:cs typeface="Arial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Arial"/>
        <a:cs typeface="Arial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>
            <a:solidFill>
              <a:schemeClr val="tx1"/>
            </a:solidFill>
          </a:defRPr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="" xmlns:thm15="http://schemas.microsoft.com/office/thememl/2012/main" name="180219 AT2D 16x9 template_V1.0.potx" id="{4A2D28AC-A936-43F4-A599-8E723705E7E3}" vid="{DC1B7160-7D67-49EA-BDC1-E0F3D8029526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Arial"/>
        <a:cs typeface="Arial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Arial"/>
        <a:cs typeface="Arial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BI-Lilly harmonization palette 170316">
    <a:dk1>
      <a:srgbClr val="5A5A5A"/>
    </a:dk1>
    <a:lt1>
      <a:srgbClr val="FFFFFF"/>
    </a:lt1>
    <a:dk2>
      <a:srgbClr val="5A5A5A"/>
    </a:dk2>
    <a:lt2>
      <a:srgbClr val="FFFFFF"/>
    </a:lt2>
    <a:accent1>
      <a:srgbClr val="6482C3"/>
    </a:accent1>
    <a:accent2>
      <a:srgbClr val="F0414B"/>
    </a:accent2>
    <a:accent3>
      <a:srgbClr val="43AC99"/>
    </a:accent3>
    <a:accent4>
      <a:srgbClr val="828282"/>
    </a:accent4>
    <a:accent5>
      <a:srgbClr val="8F3089"/>
    </a:accent5>
    <a:accent6>
      <a:srgbClr val="FF9933"/>
    </a:accent6>
    <a:hlink>
      <a:srgbClr val="5A5A5A"/>
    </a:hlink>
    <a:folHlink>
      <a:srgbClr val="5A5A5A"/>
    </a:folHlink>
  </a:clrScheme>
  <a:fontScheme name="Custom 1">
    <a:majorFont>
      <a:latin typeface="Arial"/>
      <a:ea typeface="Arial"/>
      <a:cs typeface="Arial"/>
    </a:majorFont>
    <a:minorFont>
      <a:latin typeface="Arial"/>
      <a:ea typeface="Arial"/>
      <a:cs typeface="Arial"/>
    </a:minorFont>
  </a:fontScheme>
  <a:fmtScheme name="Subtle Solids">
    <a:fillStyleLst>
      <a:solidFill>
        <a:schemeClr val="phClr"/>
      </a:solidFill>
      <a:solidFill>
        <a:schemeClr val="phClr">
          <a:tint val="65000"/>
        </a:schemeClr>
      </a:solidFill>
      <a:solidFill>
        <a:schemeClr val="phClr">
          <a:shade val="80000"/>
          <a:satMod val="150000"/>
        </a:schemeClr>
      </a:solidFill>
    </a:fillStyleLst>
    <a:lnStyleLst>
      <a:ln w="9525" cap="flat" cmpd="sng" algn="ctr">
        <a:solidFill>
          <a:schemeClr val="phClr"/>
        </a:solidFill>
        <a:prstDash val="solid"/>
      </a:ln>
      <a:ln w="10795" cap="flat" cmpd="sng" algn="ctr">
        <a:solidFill>
          <a:schemeClr val="phClr"/>
        </a:solidFill>
        <a:prstDash val="solid"/>
      </a:ln>
      <a:ln w="17145" cap="flat" cmpd="sng" algn="ctr">
        <a:solidFill>
          <a:schemeClr val="phClr">
            <a:shade val="95000"/>
            <a:alpha val="50000"/>
            <a:satMod val="150000"/>
          </a:schemeClr>
        </a:solidFill>
        <a:prstDash val="solid"/>
      </a:ln>
    </a:lnStyleLst>
    <a:effectStyleLst>
      <a:effectStyle>
        <a:effectLst/>
      </a:effectStyle>
      <a:effectStyle>
        <a:effectLst/>
      </a:effectStyle>
      <a:effectStyle>
        <a:effectLst>
          <a:outerShdw blurRad="44450" dist="13970" dir="5400000" algn="ctr" rotWithShape="0">
            <a:srgbClr val="000000">
              <a:alpha val="45000"/>
            </a:srgbClr>
          </a:outerShdw>
        </a:effectLst>
        <a:scene3d>
          <a:camera prst="orthographicFront">
            <a:rot lat="0" lon="0" rev="0"/>
          </a:camera>
          <a:lightRig rig="twoPt" dir="tl"/>
        </a:scene3d>
        <a:sp3d prstMaterial="flat">
          <a:bevelT w="12700" h="25400" prst="coolSlant"/>
        </a:sp3d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464004E709A8845986AC594A955D2E9" ma:contentTypeVersion="12" ma:contentTypeDescription="Create a new document." ma:contentTypeScope="" ma:versionID="a9f8b7c5b327e75903f1ad2c6fb80fc4">
  <xsd:schema xmlns:xsd="http://www.w3.org/2001/XMLSchema" xmlns:xs="http://www.w3.org/2001/XMLSchema" xmlns:p="http://schemas.microsoft.com/office/2006/metadata/properties" xmlns:ns2="86433ffb-5c94-4d93-988b-9a933639e6c6" xmlns:ns3="6a0c4110-3c9a-4a70-b3ef-739b4e16e469" targetNamespace="http://schemas.microsoft.com/office/2006/metadata/properties" ma:root="true" ma:fieldsID="4502f0619463547040f51d325bf32dd5" ns2:_="" ns3:_="">
    <xsd:import namespace="86433ffb-5c94-4d93-988b-9a933639e6c6"/>
    <xsd:import namespace="6a0c4110-3c9a-4a70-b3ef-739b4e16e469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_Flow_SignoffStatus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433ffb-5c94-4d93-988b-9a933639e6c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_Flow_SignoffStatus" ma:index="15" nillable="true" ma:displayName="Sign-off status" ma:internalName="Sign_x002d_off_x0020_status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a0c4110-3c9a-4a70-b3ef-739b4e16e469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Flow_SignoffStatus xmlns="86433ffb-5c94-4d93-988b-9a933639e6c6" xsi:nil="true"/>
  </documentManagement>
</p:properties>
</file>

<file path=customXml/itemProps1.xml><?xml version="1.0" encoding="utf-8"?>
<ds:datastoreItem xmlns:ds="http://schemas.openxmlformats.org/officeDocument/2006/customXml" ds:itemID="{C9CCA5AC-1422-4F40-A09A-C3AA044BA908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6DAAC23E-92B8-4A70-8A6F-895694F2854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6433ffb-5c94-4d93-988b-9a933639e6c6"/>
    <ds:schemaRef ds:uri="6a0c4110-3c9a-4a70-b3ef-739b4e16e46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FD69300-26F3-4CBA-862D-C54D3F44AD81}">
  <ds:schemaRefs>
    <ds:schemaRef ds:uri="http://schemas.microsoft.com/office/2006/documentManagement/types"/>
    <ds:schemaRef ds:uri="http://purl.org/dc/elements/1.1/"/>
    <ds:schemaRef ds:uri="http://purl.org/dc/dcmitype/"/>
    <ds:schemaRef ds:uri="http://schemas.microsoft.com/office/infopath/2007/PartnerControls"/>
    <ds:schemaRef ds:uri="86433ffb-5c94-4d93-988b-9a933639e6c6"/>
    <ds:schemaRef ds:uri="http://purl.org/dc/terms/"/>
    <ds:schemaRef ds:uri="http://schemas.microsoft.com/office/2006/metadata/properties"/>
    <ds:schemaRef ds:uri="http://www.w3.org/XML/1998/namespace"/>
    <ds:schemaRef ds:uri="http://schemas.openxmlformats.org/package/2006/metadata/core-properties"/>
    <ds:schemaRef ds:uri="6a0c4110-3c9a-4a70-b3ef-739b4e16e469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9129</TotalTime>
  <Words>2046</Words>
  <Application>Microsoft Office PowerPoint</Application>
  <PresentationFormat>Произвольный</PresentationFormat>
  <Paragraphs>327</Paragraphs>
  <Slides>29</Slides>
  <Notes>9</Notes>
  <HiddenSlides>1</HiddenSlides>
  <MMClips>0</MMClips>
  <ScaleCrop>false</ScaleCrop>
  <HeadingPairs>
    <vt:vector size="4" baseType="variant">
      <vt:variant>
        <vt:lpstr>Тема</vt:lpstr>
      </vt:variant>
      <vt:variant>
        <vt:i4>6</vt:i4>
      </vt:variant>
      <vt:variant>
        <vt:lpstr>Заголовки слайдов</vt:lpstr>
      </vt:variant>
      <vt:variant>
        <vt:i4>29</vt:i4>
      </vt:variant>
    </vt:vector>
  </HeadingPairs>
  <TitlesOfParts>
    <vt:vector size="35" baseType="lpstr">
      <vt:lpstr>2_180713-EMPA-REG OUTCOME V 2.0_Draft 0a</vt:lpstr>
      <vt:lpstr>180713-EMPA-REG OUTCOME V 2.0_Draft 0a</vt:lpstr>
      <vt:lpstr>1_2016 08 08 1276.1 manuscript PSS v0.1</vt:lpstr>
      <vt:lpstr>1_190213 Alliance medical portfolio template V2.0</vt:lpstr>
      <vt:lpstr>1_180322 AT2D 16x9 template_V1.0</vt:lpstr>
      <vt:lpstr>Office Theme</vt:lpstr>
      <vt:lpstr>Хроническая сердечная недостаточность у больных сахарным диабетом 2 типа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о данным территориального регистра сахарного диабета в Новосибирской области  </vt:lpstr>
      <vt:lpstr>По данным территориального регистра сахарного диабета Новосибирской области в 2020 году</vt:lpstr>
      <vt:lpstr>Структура смертности пациентов с сахарным диабетом</vt:lpstr>
      <vt:lpstr>Заболевания почек и сердечная недостаточность: расходы на одного болеющего пациента в США, Великобритании и Германии</vt:lpstr>
      <vt:lpstr>РАСХОДЫ НА ЛЕЧЕНИЕ СД</vt:lpstr>
      <vt:lpstr>Презентация PowerPoint</vt:lpstr>
      <vt:lpstr>Лечение СД для снижения риска развития СН</vt:lpstr>
      <vt:lpstr>Персонализация выбора сахароснижающего препарата</vt:lpstr>
      <vt:lpstr>Хроническая сердечная недостаточность. Клинические рекомендации 2020 года  Особенности лечения пациентов с хронической сердечной недостаточностью и Сахарным диабетом 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ереосмысление алгоритмов для многофакторного управления кардиоренальными рисками независимо от уровня HbA1c</vt:lpstr>
      <vt:lpstr>Презентация PowerPoint</vt:lpstr>
      <vt:lpstr>Презентация PowerPoint</vt:lpstr>
      <vt:lpstr>Презентация PowerPoint</vt:lpstr>
      <vt:lpstr>Заключение</vt:lpstr>
      <vt:lpstr>Заключение</vt:lpstr>
      <vt:lpstr>Презентация PowerPoint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EMA label change reflects the goal of treating the whole disease1,2</dc:title>
  <dc:creator>Aislinn O'Brien</dc:creator>
  <cp:keywords>RU0004378</cp:keywords>
  <cp:lastModifiedBy>Шабельникова Олеся Юрьевна</cp:lastModifiedBy>
  <cp:revision>814</cp:revision>
  <dcterms:created xsi:type="dcterms:W3CDTF">2018-02-09T15:29:08Z</dcterms:created>
  <dcterms:modified xsi:type="dcterms:W3CDTF">2021-05-25T03:25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464004E709A8845986AC594A955D2E9</vt:lpwstr>
  </property>
</Properties>
</file>